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4_1最終校正(Excel、PDF)\"/>
    </mc:Choice>
  </mc:AlternateContent>
  <xr:revisionPtr revIDLastSave="0" documentId="13_ncr:1_{A474A9FE-0753-4F6E-BD5F-B8850B587B8D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相模原保健所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1" i="1" l="1"/>
  <c r="M30" i="1"/>
  <c r="M29" i="1"/>
  <c r="M17" i="1" l="1"/>
  <c r="M16" i="1"/>
  <c r="M15" i="1"/>
  <c r="M14" i="1"/>
  <c r="M13" i="1"/>
  <c r="M22" i="1"/>
  <c r="M47" i="1" l="1"/>
  <c r="M46" i="1"/>
  <c r="M62" i="1" l="1"/>
  <c r="M60" i="1"/>
  <c r="M56" i="1"/>
  <c r="M43" i="1"/>
  <c r="M42" i="1"/>
  <c r="M41" i="1"/>
  <c r="M40" i="1"/>
  <c r="M39" i="1"/>
  <c r="M38" i="1"/>
  <c r="M37" i="1"/>
  <c r="M28" i="1"/>
  <c r="M27" i="1"/>
  <c r="M26" i="1"/>
  <c r="M25" i="1"/>
  <c r="M24" i="1"/>
  <c r="M2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416" uniqueCount="349">
  <si>
    <t>相模原市保健所</t>
  </si>
  <si>
    <t>所在地</t>
    <rPh sb="0" eb="3">
      <t>ショザイチ</t>
    </rPh>
    <phoneticPr fontId="2"/>
  </si>
  <si>
    <t>　〒252-0236</t>
    <phoneticPr fontId="2"/>
  </si>
  <si>
    <t>　相模原市中央区富士見6-1-1</t>
    <rPh sb="5" eb="8">
      <t>チュウオウク</t>
    </rPh>
    <rPh sb="8" eb="11">
      <t>フジミ</t>
    </rPh>
    <phoneticPr fontId="2"/>
  </si>
  <si>
    <t>電話番号</t>
    <rPh sb="0" eb="2">
      <t>デンワ</t>
    </rPh>
    <rPh sb="2" eb="4">
      <t>バンゴウ</t>
    </rPh>
    <phoneticPr fontId="2"/>
  </si>
  <si>
    <t>　042(75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財団明理会
相原病院</t>
    <phoneticPr fontId="2"/>
  </si>
  <si>
    <t>相模原市緑区相原
５－１２－５</t>
    <rPh sb="4" eb="5">
      <t>ミドリ</t>
    </rPh>
    <rPh sb="5" eb="6">
      <t>ク</t>
    </rPh>
    <phoneticPr fontId="2"/>
  </si>
  <si>
    <t>252-0141</t>
    <phoneticPr fontId="2"/>
  </si>
  <si>
    <t>医療法人財団明理会</t>
  </si>
  <si>
    <t>042-
772-3100</t>
  </si>
  <si>
    <t>平 7． 2</t>
  </si>
  <si>
    <t>相模原市緑区大島
１６０５－１</t>
    <rPh sb="0" eb="4">
      <t>サガミハラシ</t>
    </rPh>
    <rPh sb="4" eb="6">
      <t>ミドリク</t>
    </rPh>
    <rPh sb="6" eb="8">
      <t>オオシマ</t>
    </rPh>
    <phoneticPr fontId="2"/>
  </si>
  <si>
    <t>252-0135</t>
    <phoneticPr fontId="2"/>
  </si>
  <si>
    <t>医療法人社団晃友会</t>
    <phoneticPr fontId="2"/>
  </si>
  <si>
    <t>042-
761-2100</t>
    <phoneticPr fontId="2"/>
  </si>
  <si>
    <t>平23． 1</t>
    <phoneticPr fontId="2"/>
  </si>
  <si>
    <t>相和病院</t>
    <phoneticPr fontId="2"/>
  </si>
  <si>
    <t>相模原市緑区大島
１７５２</t>
    <rPh sb="4" eb="6">
      <t>ミドリク</t>
    </rPh>
    <phoneticPr fontId="2"/>
  </si>
  <si>
    <t>医療法人財団愛慈会</t>
  </si>
  <si>
    <t>内</t>
  </si>
  <si>
    <t>042-
761-2331</t>
  </si>
  <si>
    <t>平 8．10</t>
  </si>
  <si>
    <t>広瀬病院</t>
  </si>
  <si>
    <t>相模原市緑区久保沢
２－３－１６</t>
    <rPh sb="0" eb="4">
      <t>サガミハラシ</t>
    </rPh>
    <rPh sb="4" eb="6">
      <t>ミドリク</t>
    </rPh>
    <phoneticPr fontId="2"/>
  </si>
  <si>
    <t>252-0105</t>
    <phoneticPr fontId="2"/>
  </si>
  <si>
    <t>医療法人社団守成会</t>
    <rPh sb="0" eb="2">
      <t>イリョウ</t>
    </rPh>
    <rPh sb="2" eb="4">
      <t>ホウジン</t>
    </rPh>
    <rPh sb="4" eb="6">
      <t>シャダン</t>
    </rPh>
    <rPh sb="6" eb="7">
      <t>シュ</t>
    </rPh>
    <rPh sb="7" eb="8">
      <t>セイ</t>
    </rPh>
    <rPh sb="8" eb="9">
      <t>カイ</t>
    </rPh>
    <phoneticPr fontId="2"/>
  </si>
  <si>
    <t>042-
782-3021</t>
  </si>
  <si>
    <t>相模原市緑区寸沢嵐
２８９１</t>
    <rPh sb="0" eb="4">
      <t>サガミハラシ</t>
    </rPh>
    <rPh sb="4" eb="6">
      <t>ミドリク</t>
    </rPh>
    <phoneticPr fontId="2"/>
  </si>
  <si>
    <t>252-0176</t>
    <phoneticPr fontId="2"/>
  </si>
  <si>
    <t>精,心内</t>
    <rPh sb="2" eb="3">
      <t>シン</t>
    </rPh>
    <rPh sb="3" eb="4">
      <t>ナイ</t>
    </rPh>
    <phoneticPr fontId="2"/>
  </si>
  <si>
    <t>042-
685-0021</t>
    <phoneticPr fontId="2"/>
  </si>
  <si>
    <t>平 8． 7</t>
    <rPh sb="0" eb="1">
      <t>ヘイ</t>
    </rPh>
    <phoneticPr fontId="2"/>
  </si>
  <si>
    <t>相模原赤十字病院</t>
    <rPh sb="0" eb="3">
      <t>サガミハラ</t>
    </rPh>
    <phoneticPr fontId="2"/>
  </si>
  <si>
    <t>相模原市緑区中野
２５６</t>
    <rPh sb="0" eb="4">
      <t>サガミハラシ</t>
    </rPh>
    <rPh sb="4" eb="6">
      <t>ミドリク</t>
    </rPh>
    <rPh sb="6" eb="8">
      <t>ナカノ</t>
    </rPh>
    <phoneticPr fontId="2"/>
  </si>
  <si>
    <t>252-0157</t>
    <phoneticPr fontId="2"/>
  </si>
  <si>
    <t>042-
784-1101</t>
  </si>
  <si>
    <t>昭28． 4</t>
  </si>
  <si>
    <t>佐藤好信</t>
    <rPh sb="0" eb="2">
      <t>サトウ</t>
    </rPh>
    <rPh sb="2" eb="4">
      <t>ヨシノブ</t>
    </rPh>
    <phoneticPr fontId="2"/>
  </si>
  <si>
    <t>神奈川県厚生農業協同組合連合会
相模原協同病院</t>
    <phoneticPr fontId="2"/>
  </si>
  <si>
    <t>252-5188</t>
    <phoneticPr fontId="2"/>
  </si>
  <si>
    <t>神奈川県厚生農業協同組合連合会</t>
  </si>
  <si>
    <t>相模原市緑区牧野
８１４７－２</t>
    <rPh sb="0" eb="3">
      <t>サガミハラ</t>
    </rPh>
    <rPh sb="3" eb="4">
      <t>シ</t>
    </rPh>
    <rPh sb="4" eb="6">
      <t>ミドリク</t>
    </rPh>
    <phoneticPr fontId="2"/>
  </si>
  <si>
    <t>医療法人社団清伸会</t>
  </si>
  <si>
    <t>加藤隆司</t>
    <rPh sb="0" eb="2">
      <t>カトウ</t>
    </rPh>
    <rPh sb="2" eb="4">
      <t>リュウジ</t>
    </rPh>
    <phoneticPr fontId="2"/>
  </si>
  <si>
    <t>内,精,神</t>
    <rPh sb="4" eb="5">
      <t>カミ</t>
    </rPh>
    <phoneticPr fontId="2"/>
  </si>
  <si>
    <t>昭64． 1</t>
  </si>
  <si>
    <t>相模原市緑区三ケ木
６２７</t>
    <rPh sb="0" eb="4">
      <t>サガミハラシ</t>
    </rPh>
    <rPh sb="4" eb="6">
      <t>ミドリク</t>
    </rPh>
    <phoneticPr fontId="2"/>
  </si>
  <si>
    <t>医療法人社団悠心会</t>
  </si>
  <si>
    <t>042-
784-4114</t>
  </si>
  <si>
    <t>総合相模更生病院</t>
  </si>
  <si>
    <t>相模原市中央区小山
３４２９</t>
    <rPh sb="4" eb="7">
      <t>チュウオウク</t>
    </rPh>
    <phoneticPr fontId="2"/>
  </si>
  <si>
    <t>042-
752-1808</t>
  </si>
  <si>
    <t>中村病院</t>
  </si>
  <si>
    <t>相模原市中央区上溝
６－１８－３９</t>
    <rPh sb="4" eb="7">
      <t>チュウオウク</t>
    </rPh>
    <phoneticPr fontId="2"/>
  </si>
  <si>
    <t>医療法人社団明和会</t>
  </si>
  <si>
    <t>042-
761-3721</t>
  </si>
  <si>
    <t>医療法人社団仁和会</t>
  </si>
  <si>
    <t>042-
755-2133</t>
  </si>
  <si>
    <t>昭46． 1</t>
  </si>
  <si>
    <t>医療法人社団哺育会
さがみリハビリテーション病院</t>
    <phoneticPr fontId="2"/>
  </si>
  <si>
    <t>医療法人社団哺育会</t>
  </si>
  <si>
    <t>吉野靖</t>
  </si>
  <si>
    <t>042-
773-3211</t>
  </si>
  <si>
    <t>病院機能評価認定</t>
    <phoneticPr fontId="2"/>
  </si>
  <si>
    <t>医療法人社団白寿会
田名病院</t>
    <phoneticPr fontId="2"/>
  </si>
  <si>
    <t>252-0245</t>
    <phoneticPr fontId="2"/>
  </si>
  <si>
    <t>医療法人社団白寿会</t>
  </si>
  <si>
    <t>042-
778-3080</t>
  </si>
  <si>
    <t>昭58． 4</t>
    <phoneticPr fontId="2"/>
  </si>
  <si>
    <t>相模原中央病院</t>
  </si>
  <si>
    <t>252-0236</t>
    <phoneticPr fontId="2"/>
  </si>
  <si>
    <t>医療法人社団徳寿会</t>
  </si>
  <si>
    <t>042-
754-2211</t>
  </si>
  <si>
    <t>平 8． 7</t>
  </si>
  <si>
    <t>252-0206</t>
    <phoneticPr fontId="2"/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042-
752-2025</t>
  </si>
  <si>
    <t>昭35． 4</t>
  </si>
  <si>
    <t>渕野辺総合病院</t>
  </si>
  <si>
    <t>医療法人社団相和会</t>
  </si>
  <si>
    <t>042-
754-2222</t>
  </si>
  <si>
    <t>昭31． 9</t>
  </si>
  <si>
    <t>学校法人北里研究所</t>
    <rPh sb="6" eb="9">
      <t>ケンキュウジョ</t>
    </rPh>
    <phoneticPr fontId="2"/>
  </si>
  <si>
    <t>相模原友愛温泉病院</t>
  </si>
  <si>
    <t>相模原市南区麻溝台
６９７</t>
    <rPh sb="4" eb="6">
      <t>ミナミク</t>
    </rPh>
    <phoneticPr fontId="2"/>
  </si>
  <si>
    <t>252-0328</t>
    <phoneticPr fontId="2"/>
  </si>
  <si>
    <t>医療法人社団友愛病院会</t>
  </si>
  <si>
    <t>042-
778-1181</t>
  </si>
  <si>
    <t>昭42． 5</t>
    <rPh sb="0" eb="1">
      <t>アキラ</t>
    </rPh>
    <phoneticPr fontId="2"/>
  </si>
  <si>
    <t>丘整形外科病院</t>
  </si>
  <si>
    <t>相模原市南区新磯野
２－７－１０</t>
    <rPh sb="4" eb="6">
      <t>ミナミク</t>
    </rPh>
    <phoneticPr fontId="2"/>
  </si>
  <si>
    <t>医療法人社団松寿会</t>
    <rPh sb="0" eb="2">
      <t>イリョウ</t>
    </rPh>
    <rPh sb="2" eb="4">
      <t>ホウジン</t>
    </rPh>
    <rPh sb="4" eb="6">
      <t>シャダン</t>
    </rPh>
    <rPh sb="6" eb="7">
      <t>マツ</t>
    </rPh>
    <rPh sb="7" eb="8">
      <t>コトブキ</t>
    </rPh>
    <rPh sb="8" eb="9">
      <t>カイ</t>
    </rPh>
    <phoneticPr fontId="2"/>
  </si>
  <si>
    <t>丘松壽</t>
  </si>
  <si>
    <t>042-
748-1201</t>
  </si>
  <si>
    <t>小松会病院</t>
  </si>
  <si>
    <t>相模原市南区新磯野
２３３７</t>
    <rPh sb="4" eb="6">
      <t>ミナミク</t>
    </rPh>
    <phoneticPr fontId="2"/>
  </si>
  <si>
    <t>内,神内</t>
    <rPh sb="2" eb="4">
      <t>コウナイ</t>
    </rPh>
    <phoneticPr fontId="2"/>
  </si>
  <si>
    <t>042-
744-6731</t>
  </si>
  <si>
    <t>相模原南病院</t>
  </si>
  <si>
    <t>相模原市南区大野台
７－１０－７</t>
    <rPh sb="4" eb="6">
      <t>ミナミク</t>
    </rPh>
    <phoneticPr fontId="2"/>
  </si>
  <si>
    <t>医療法人直源会</t>
  </si>
  <si>
    <t>内,精,皮</t>
    <rPh sb="4" eb="5">
      <t>カワ</t>
    </rPh>
    <phoneticPr fontId="2"/>
  </si>
  <si>
    <t>042-
759-3911</t>
  </si>
  <si>
    <t>平 4． 8</t>
  </si>
  <si>
    <t>相模原市南区上鶴間
７－９－１</t>
    <rPh sb="4" eb="6">
      <t>ミナミク</t>
    </rPh>
    <phoneticPr fontId="2"/>
  </si>
  <si>
    <t>042-
742-3577</t>
  </si>
  <si>
    <t>北里大学病院</t>
  </si>
  <si>
    <t>相模原市南区北里
１－１５－１</t>
    <rPh sb="4" eb="6">
      <t>ミナミク</t>
    </rPh>
    <phoneticPr fontId="2"/>
  </si>
  <si>
    <t>252-0375</t>
    <phoneticPr fontId="2"/>
  </si>
  <si>
    <t>042-
778-8111</t>
  </si>
  <si>
    <t>昭46． 7</t>
    <phoneticPr fontId="2"/>
  </si>
  <si>
    <t>慈誠会病院</t>
  </si>
  <si>
    <t>田島敏久</t>
  </si>
  <si>
    <t>042-
742-3636</t>
  </si>
  <si>
    <t>昭57． 4</t>
  </si>
  <si>
    <t>252-0303</t>
    <phoneticPr fontId="2"/>
  </si>
  <si>
    <t>042-
748-0211</t>
  </si>
  <si>
    <t>平11． 1</t>
  </si>
  <si>
    <t>相模原市南区桜台
１８－１</t>
    <rPh sb="4" eb="6">
      <t>ミナミク</t>
    </rPh>
    <phoneticPr fontId="2"/>
  </si>
  <si>
    <t>252-0392</t>
    <phoneticPr fontId="2"/>
  </si>
  <si>
    <t>独立行政法人国立病院機構</t>
  </si>
  <si>
    <t>042-
742-8311</t>
  </si>
  <si>
    <t>昭20．12</t>
    <phoneticPr fontId="2"/>
  </si>
  <si>
    <t>医療法人社団博奉会
相模ケ丘病院</t>
    <phoneticPr fontId="2"/>
  </si>
  <si>
    <t>相模原市南区下溝
４３７８</t>
    <rPh sb="4" eb="6">
      <t>ミナミク</t>
    </rPh>
    <phoneticPr fontId="2"/>
  </si>
  <si>
    <t>252-0335</t>
    <phoneticPr fontId="2"/>
  </si>
  <si>
    <t>医療法人社団博奉会</t>
  </si>
  <si>
    <t>精,心内</t>
    <rPh sb="2" eb="3">
      <t>ココロ</t>
    </rPh>
    <rPh sb="3" eb="4">
      <t>ナイ</t>
    </rPh>
    <phoneticPr fontId="2"/>
  </si>
  <si>
    <t>042-
778-0200</t>
  </si>
  <si>
    <t>昭48． 3</t>
    <phoneticPr fontId="2"/>
  </si>
  <si>
    <t>医療法人相愛会
相愛病院</t>
    <phoneticPr fontId="2"/>
  </si>
  <si>
    <t>相模原市南区当麻
１６３２</t>
    <rPh sb="4" eb="6">
      <t>ミナミク</t>
    </rPh>
    <phoneticPr fontId="2"/>
  </si>
  <si>
    <t>252-0336</t>
    <phoneticPr fontId="2"/>
  </si>
  <si>
    <t>医療法人相愛会</t>
  </si>
  <si>
    <t>加賀田豊</t>
    <rPh sb="0" eb="3">
      <t>カガタ</t>
    </rPh>
    <rPh sb="3" eb="4">
      <t>ユタカ</t>
    </rPh>
    <phoneticPr fontId="2"/>
  </si>
  <si>
    <t>042-
778-2111</t>
  </si>
  <si>
    <t>森下記念病院</t>
    <phoneticPr fontId="2"/>
  </si>
  <si>
    <t>相模原市南区東林間
４－２－１８</t>
    <rPh sb="4" eb="6">
      <t>ミナミク</t>
    </rPh>
    <phoneticPr fontId="2"/>
  </si>
  <si>
    <t>252-0311</t>
    <phoneticPr fontId="2"/>
  </si>
  <si>
    <t>医療法人社団蒼紫会</t>
  </si>
  <si>
    <t>042-
742-5055</t>
  </si>
  <si>
    <t>相模原市南区豊町
１７－３６</t>
    <rPh sb="4" eb="6">
      <t>ミナミク</t>
    </rPh>
    <phoneticPr fontId="2"/>
  </si>
  <si>
    <t>医療法人社団仁恵会</t>
  </si>
  <si>
    <t>042-
742-0211</t>
  </si>
  <si>
    <t>昭63． 7</t>
  </si>
  <si>
    <t>相模病院</t>
  </si>
  <si>
    <t>相模原市南区若松
１－１２－２５</t>
    <rPh sb="4" eb="6">
      <t>ミナミク</t>
    </rPh>
    <phoneticPr fontId="2"/>
  </si>
  <si>
    <t>252-0334</t>
    <phoneticPr fontId="2"/>
  </si>
  <si>
    <t>内,精,神,心内</t>
  </si>
  <si>
    <t>042-
743-0311</t>
  </si>
  <si>
    <t>昭35． 1</t>
  </si>
  <si>
    <t>相模原療育園</t>
  </si>
  <si>
    <t>相模原市南区若松
１－２１－９</t>
    <rPh sb="4" eb="6">
      <t>ミナミク</t>
    </rPh>
    <phoneticPr fontId="2"/>
  </si>
  <si>
    <t>社会福祉法人慈恵療育会</t>
  </si>
  <si>
    <t>細田のぞみ</t>
    <rPh sb="0" eb="2">
      <t>ホソダ</t>
    </rPh>
    <phoneticPr fontId="2"/>
  </si>
  <si>
    <t>内,小,精,小神内</t>
    <rPh sb="6" eb="7">
      <t>ショウ</t>
    </rPh>
    <phoneticPr fontId="2"/>
  </si>
  <si>
    <t>042-
749-6316</t>
  </si>
  <si>
    <t>平 1． 4</t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ワゲン療育病院長竹</t>
    <rPh sb="5" eb="7">
      <t>ビョウイン</t>
    </rPh>
    <rPh sb="7" eb="9">
      <t>ナガタケ</t>
    </rPh>
    <phoneticPr fontId="2"/>
  </si>
  <si>
    <t>相模原市緑区長竹
４９４－１</t>
    <rPh sb="4" eb="6">
      <t>ミドリク</t>
    </rPh>
    <rPh sb="6" eb="8">
      <t>ナガタケ</t>
    </rPh>
    <phoneticPr fontId="2"/>
  </si>
  <si>
    <t>252-0154</t>
    <phoneticPr fontId="2"/>
  </si>
  <si>
    <t>042-
784-7227</t>
    <phoneticPr fontId="2"/>
  </si>
  <si>
    <t>平26． 3</t>
    <phoneticPr fontId="2"/>
  </si>
  <si>
    <t>医療法人社団三井会
さがみ松が枝クリニック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rPh sb="13" eb="14">
      <t>マツ</t>
    </rPh>
    <rPh sb="15" eb="16">
      <t>エ</t>
    </rPh>
    <phoneticPr fontId="2"/>
  </si>
  <si>
    <t>252-0313</t>
    <phoneticPr fontId="2"/>
  </si>
  <si>
    <t>医療法人社団三井会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phoneticPr fontId="2"/>
  </si>
  <si>
    <t>042-
767-7887</t>
    <phoneticPr fontId="2"/>
  </si>
  <si>
    <t>救急診療所</t>
  </si>
  <si>
    <t>山瀬整形外科</t>
    <phoneticPr fontId="2"/>
  </si>
  <si>
    <t>相模原市緑区橋本
５－１０－２６</t>
    <rPh sb="4" eb="6">
      <t>ミドリク</t>
    </rPh>
    <phoneticPr fontId="2"/>
  </si>
  <si>
    <t>252-0143</t>
    <phoneticPr fontId="2"/>
  </si>
  <si>
    <t>医療法人社団晃友会</t>
  </si>
  <si>
    <t>整,リハ</t>
  </si>
  <si>
    <t>042-
773-7300</t>
  </si>
  <si>
    <t>平 5． 4</t>
  </si>
  <si>
    <t>休日急患診療所</t>
    <rPh sb="0" eb="2">
      <t>キュウジツ</t>
    </rPh>
    <rPh sb="2" eb="4">
      <t>キュウカン</t>
    </rPh>
    <phoneticPr fontId="2"/>
  </si>
  <si>
    <t>相模原西メディカルセンター急病診療所</t>
    <rPh sb="0" eb="3">
      <t>サガミハラ</t>
    </rPh>
    <rPh sb="3" eb="4">
      <t>ニシ</t>
    </rPh>
    <rPh sb="13" eb="15">
      <t>キュウビョウ</t>
    </rPh>
    <rPh sb="15" eb="18">
      <t>シンリョウジョ</t>
    </rPh>
    <phoneticPr fontId="2"/>
  </si>
  <si>
    <t>相模原市緑区中野
１６８１－１</t>
    <rPh sb="0" eb="4">
      <t>サガミハラシ</t>
    </rPh>
    <rPh sb="4" eb="6">
      <t>ミドリク</t>
    </rPh>
    <rPh sb="6" eb="8">
      <t>ナカノ</t>
    </rPh>
    <phoneticPr fontId="2"/>
  </si>
  <si>
    <t>一般社団法人相模原市医師会</t>
    <rPh sb="0" eb="2">
      <t>イッパン</t>
    </rPh>
    <rPh sb="2" eb="6">
      <t>シャダンホウジン</t>
    </rPh>
    <rPh sb="6" eb="10">
      <t>サガミハラシ</t>
    </rPh>
    <rPh sb="10" eb="13">
      <t>イシカイ</t>
    </rPh>
    <phoneticPr fontId="2"/>
  </si>
  <si>
    <t>原田工</t>
    <rPh sb="0" eb="2">
      <t>ハラダ</t>
    </rPh>
    <rPh sb="2" eb="3">
      <t>コウ</t>
    </rPh>
    <phoneticPr fontId="2"/>
  </si>
  <si>
    <t>内,小</t>
    <rPh sb="0" eb="1">
      <t>ナイ</t>
    </rPh>
    <rPh sb="2" eb="3">
      <t>ショウ</t>
    </rPh>
    <phoneticPr fontId="2"/>
  </si>
  <si>
    <t>042-
784-5199</t>
    <phoneticPr fontId="2"/>
  </si>
  <si>
    <t>平21.  4</t>
    <rPh sb="0" eb="1">
      <t>ヘイ</t>
    </rPh>
    <phoneticPr fontId="2"/>
  </si>
  <si>
    <t>障害者・休日急患歯科診療所</t>
  </si>
  <si>
    <t>公益社団法人相模原市歯科医師会</t>
    <rPh sb="0" eb="2">
      <t>コウエキ</t>
    </rPh>
    <rPh sb="2" eb="4">
      <t>シャダン</t>
    </rPh>
    <rPh sb="4" eb="6">
      <t>ホウジン</t>
    </rPh>
    <rPh sb="6" eb="10">
      <t>サガミハラシ</t>
    </rPh>
    <rPh sb="10" eb="12">
      <t>シカ</t>
    </rPh>
    <rPh sb="12" eb="14">
      <t>イシ</t>
    </rPh>
    <rPh sb="14" eb="15">
      <t>カイ</t>
    </rPh>
    <phoneticPr fontId="2"/>
  </si>
  <si>
    <t>歯</t>
  </si>
  <si>
    <t>042-
756-1501</t>
  </si>
  <si>
    <t>平12． 4</t>
  </si>
  <si>
    <t>相模原中央メディカルセンター急病診療所</t>
    <rPh sb="0" eb="3">
      <t>サガミハラ</t>
    </rPh>
    <rPh sb="3" eb="5">
      <t>チュウオウ</t>
    </rPh>
    <rPh sb="14" eb="16">
      <t>キュウビョウ</t>
    </rPh>
    <rPh sb="16" eb="19">
      <t>シンリョウジョ</t>
    </rPh>
    <phoneticPr fontId="2"/>
  </si>
  <si>
    <t>一般社団法人相模原市医師会</t>
    <rPh sb="2" eb="6">
      <t>シャダンホウジン</t>
    </rPh>
    <rPh sb="6" eb="10">
      <t>サガミハラシ</t>
    </rPh>
    <rPh sb="10" eb="13">
      <t>イシカイ</t>
    </rPh>
    <phoneticPr fontId="2"/>
  </si>
  <si>
    <t>内,小,外</t>
    <rPh sb="0" eb="1">
      <t>ナイ</t>
    </rPh>
    <rPh sb="2" eb="3">
      <t>ショウ</t>
    </rPh>
    <rPh sb="4" eb="5">
      <t>ソト</t>
    </rPh>
    <phoneticPr fontId="2"/>
  </si>
  <si>
    <t>042-
756-1700</t>
    <phoneticPr fontId="2"/>
  </si>
  <si>
    <t>平12． 4</t>
    <phoneticPr fontId="2"/>
  </si>
  <si>
    <t>相模原南メディカルセンター急病診療所</t>
    <rPh sb="13" eb="15">
      <t>キュウビョウ</t>
    </rPh>
    <rPh sb="15" eb="18">
      <t>シンリョウジョ</t>
    </rPh>
    <phoneticPr fontId="2"/>
  </si>
  <si>
    <t>一般社団法人相模原市医師会</t>
    <rPh sb="0" eb="2">
      <t>イッパン</t>
    </rPh>
    <phoneticPr fontId="2"/>
  </si>
  <si>
    <t>内,精,小,外,婦,眼,耳咽</t>
    <phoneticPr fontId="2"/>
  </si>
  <si>
    <t>042-
749-2101</t>
  </si>
  <si>
    <t>平 1．10</t>
  </si>
  <si>
    <t>細田稔</t>
    <rPh sb="0" eb="2">
      <t>ホソダ</t>
    </rPh>
    <rPh sb="2" eb="3">
      <t>ミノル</t>
    </rPh>
    <phoneticPr fontId="2"/>
  </si>
  <si>
    <t>独立行政法人
地域医療機能推進機構相模野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7" eb="19">
      <t>サガミ</t>
    </rPh>
    <phoneticPr fontId="2"/>
  </si>
  <si>
    <t>医療法人社団仁和会
さがみ仁和会病院</t>
    <rPh sb="13" eb="14">
      <t>ジン</t>
    </rPh>
    <rPh sb="14" eb="15">
      <t>ワ</t>
    </rPh>
    <rPh sb="15" eb="16">
      <t>カイ</t>
    </rPh>
    <rPh sb="16" eb="18">
      <t>ビョウイン</t>
    </rPh>
    <phoneticPr fontId="2"/>
  </si>
  <si>
    <t>社会福祉法人ワゲン福祉会</t>
    <rPh sb="9" eb="11">
      <t>フクシ</t>
    </rPh>
    <rPh sb="11" eb="12">
      <t>カイ</t>
    </rPh>
    <phoneticPr fontId="2"/>
  </si>
  <si>
    <t>社会福祉法人ワゲン福祉会</t>
    <phoneticPr fontId="2"/>
  </si>
  <si>
    <t>酒井智弘</t>
    <rPh sb="0" eb="2">
      <t>サカイ</t>
    </rPh>
    <rPh sb="2" eb="4">
      <t>トモヒロ</t>
    </rPh>
    <phoneticPr fontId="2"/>
  </si>
  <si>
    <t>植松俊夫</t>
    <rPh sb="0" eb="2">
      <t>ウエマツ</t>
    </rPh>
    <rPh sb="2" eb="4">
      <t>トシオ</t>
    </rPh>
    <phoneticPr fontId="2"/>
  </si>
  <si>
    <t>特定機能病院
救命救急センター
(S58.3.1)
病院機能評価認定</t>
    <rPh sb="26" eb="28">
      <t>ビョウイン</t>
    </rPh>
    <rPh sb="28" eb="30">
      <t>キノウ</t>
    </rPh>
    <rPh sb="30" eb="32">
      <t>ヒョウカ</t>
    </rPh>
    <rPh sb="32" eb="34">
      <t>ニンテイ</t>
    </rPh>
    <phoneticPr fontId="2"/>
  </si>
  <si>
    <t>日本赤十字社</t>
    <phoneticPr fontId="2"/>
  </si>
  <si>
    <t>松本豊</t>
    <rPh sb="0" eb="2">
      <t>マツモト</t>
    </rPh>
    <rPh sb="2" eb="3">
      <t>ユタカ</t>
    </rPh>
    <phoneticPr fontId="2"/>
  </si>
  <si>
    <t>世良田和幸</t>
    <rPh sb="0" eb="1">
      <t>ヨ</t>
    </rPh>
    <rPh sb="1" eb="2">
      <t>リョウ</t>
    </rPh>
    <rPh sb="2" eb="3">
      <t>タ</t>
    </rPh>
    <rPh sb="3" eb="4">
      <t>カズ</t>
    </rPh>
    <rPh sb="4" eb="5">
      <t>ユキ</t>
    </rPh>
    <phoneticPr fontId="2"/>
  </si>
  <si>
    <t>産婦,麻</t>
    <rPh sb="3" eb="4">
      <t>アサ</t>
    </rPh>
    <phoneticPr fontId="2"/>
  </si>
  <si>
    <t>内,循内,外,眼,泌,肛外,消内,消外,腎内,透内,鏡外,透血外</t>
    <rPh sb="3" eb="4">
      <t>ナイ</t>
    </rPh>
    <rPh sb="12" eb="13">
      <t>ソト</t>
    </rPh>
    <rPh sb="14" eb="16">
      <t>ショウナイ</t>
    </rPh>
    <rPh sb="17" eb="18">
      <t>キエル</t>
    </rPh>
    <rPh sb="18" eb="19">
      <t>ガイ</t>
    </rPh>
    <rPh sb="20" eb="22">
      <t>ジンナイ</t>
    </rPh>
    <rPh sb="23" eb="24">
      <t>トオル</t>
    </rPh>
    <rPh sb="24" eb="25">
      <t>ナイ</t>
    </rPh>
    <rPh sb="26" eb="27">
      <t>カガミ</t>
    </rPh>
    <rPh sb="27" eb="28">
      <t>ソト</t>
    </rPh>
    <rPh sb="29" eb="30">
      <t>トウ</t>
    </rPh>
    <rPh sb="30" eb="31">
      <t>チ</t>
    </rPh>
    <rPh sb="31" eb="32">
      <t>ガイ</t>
    </rPh>
    <phoneticPr fontId="2"/>
  </si>
  <si>
    <t>上野博樹</t>
    <rPh sb="0" eb="2">
      <t>ウエノ</t>
    </rPh>
    <rPh sb="2" eb="4">
      <t>ヒロキ</t>
    </rPh>
    <phoneticPr fontId="2"/>
  </si>
  <si>
    <t>医療法人社団早雲会
相模湖病院</t>
    <rPh sb="6" eb="8">
      <t>ソウウン</t>
    </rPh>
    <rPh sb="8" eb="9">
      <t>カイ</t>
    </rPh>
    <phoneticPr fontId="2"/>
  </si>
  <si>
    <t>医療法人社団早雲会</t>
    <rPh sb="6" eb="8">
      <t>ソウウン</t>
    </rPh>
    <rPh sb="8" eb="9">
      <t>カイ</t>
    </rPh>
    <phoneticPr fontId="2"/>
  </si>
  <si>
    <t>医療法人社団葵会</t>
    <rPh sb="6" eb="7">
      <t>アオイ</t>
    </rPh>
    <phoneticPr fontId="2"/>
  </si>
  <si>
    <t>平11． 6</t>
    <phoneticPr fontId="2"/>
  </si>
  <si>
    <t>昭41.　5</t>
    <phoneticPr fontId="2"/>
  </si>
  <si>
    <t>切明義孝</t>
    <rPh sb="0" eb="1">
      <t>キ</t>
    </rPh>
    <rPh sb="1" eb="2">
      <t>ア</t>
    </rPh>
    <rPh sb="2" eb="4">
      <t>ヨシタカ</t>
    </rPh>
    <phoneticPr fontId="2"/>
  </si>
  <si>
    <t>内,リハ</t>
    <phoneticPr fontId="2"/>
  </si>
  <si>
    <t>内,消内,小,外,整,産婦,眼,皮,泌,麻,呼内,腎内,循内,血内,歯口,神内，乳外,血外,消外,リ,リハ,放</t>
    <rPh sb="3" eb="4">
      <t>ナイ</t>
    </rPh>
    <rPh sb="20" eb="21">
      <t>アサ</t>
    </rPh>
    <rPh sb="25" eb="26">
      <t>ジン</t>
    </rPh>
    <rPh sb="26" eb="27">
      <t>ナイ</t>
    </rPh>
    <rPh sb="31" eb="32">
      <t>チ</t>
    </rPh>
    <rPh sb="32" eb="33">
      <t>ナイ</t>
    </rPh>
    <rPh sb="34" eb="35">
      <t>ハ</t>
    </rPh>
    <rPh sb="35" eb="36">
      <t>クチ</t>
    </rPh>
    <rPh sb="37" eb="38">
      <t>カミ</t>
    </rPh>
    <rPh sb="38" eb="39">
      <t>ナイ</t>
    </rPh>
    <rPh sb="40" eb="41">
      <t>ニュウ</t>
    </rPh>
    <rPh sb="41" eb="42">
      <t>ガイ</t>
    </rPh>
    <rPh sb="43" eb="44">
      <t>チ</t>
    </rPh>
    <rPh sb="44" eb="45">
      <t>ソト</t>
    </rPh>
    <rPh sb="46" eb="47">
      <t>ショウ</t>
    </rPh>
    <rPh sb="47" eb="48">
      <t>ソト</t>
    </rPh>
    <rPh sb="54" eb="55">
      <t>ホウ</t>
    </rPh>
    <phoneticPr fontId="2"/>
  </si>
  <si>
    <t>医療法人社団清伸会
ふじの温泉病院</t>
  </si>
  <si>
    <t>252-0186</t>
  </si>
  <si>
    <t>042-
689-2321</t>
  </si>
  <si>
    <t>医療法人社団悠心会
森田病院</t>
  </si>
  <si>
    <t>252-0159</t>
  </si>
  <si>
    <t>252-5225</t>
  </si>
  <si>
    <t>昭27． 6</t>
  </si>
  <si>
    <t>252-0243</t>
  </si>
  <si>
    <t>平 3．12</t>
  </si>
  <si>
    <t>252-0231</t>
  </si>
  <si>
    <t>252-0325</t>
  </si>
  <si>
    <t>平22．12</t>
  </si>
  <si>
    <t>252-0331</t>
  </si>
  <si>
    <t>252-0385</t>
  </si>
  <si>
    <t>医療法人社団仁恵会
黒河内病院</t>
  </si>
  <si>
    <t>252-0305</t>
  </si>
  <si>
    <t>252-0334</t>
  </si>
  <si>
    <t>医療法人寿康会</t>
  </si>
  <si>
    <t>河野悟</t>
    <rPh sb="0" eb="2">
      <t>コウノ</t>
    </rPh>
    <rPh sb="2" eb="3">
      <t>サトル</t>
    </rPh>
    <phoneticPr fontId="2"/>
  </si>
  <si>
    <t>澤山透</t>
    <rPh sb="0" eb="2">
      <t>サワヤマ</t>
    </rPh>
    <rPh sb="2" eb="3">
      <t>トオ</t>
    </rPh>
    <phoneticPr fontId="2"/>
  </si>
  <si>
    <t>森下将充</t>
    <rPh sb="2" eb="4">
      <t>マサミツ</t>
    </rPh>
    <phoneticPr fontId="2"/>
  </si>
  <si>
    <t>村上研一</t>
    <rPh sb="0" eb="2">
      <t>ムラカミ</t>
    </rPh>
    <rPh sb="2" eb="4">
      <t>ケンイチ</t>
    </rPh>
    <phoneticPr fontId="2"/>
  </si>
  <si>
    <t>内,外,整,透内,リ,消内</t>
    <rPh sb="6" eb="7">
      <t>トオル</t>
    </rPh>
    <rPh sb="7" eb="8">
      <t>ナイ</t>
    </rPh>
    <rPh sb="11" eb="12">
      <t>ケ</t>
    </rPh>
    <rPh sb="12" eb="13">
      <t>ナイ</t>
    </rPh>
    <phoneticPr fontId="2"/>
  </si>
  <si>
    <t>ＡＯＩ湘北病院</t>
    <phoneticPr fontId="2"/>
  </si>
  <si>
    <t>252-0241</t>
    <phoneticPr fontId="2"/>
  </si>
  <si>
    <t>042-
861-8800</t>
    <phoneticPr fontId="2"/>
  </si>
  <si>
    <t>令 2． 9</t>
    <rPh sb="0" eb="1">
      <t>レイ</t>
    </rPh>
    <phoneticPr fontId="2"/>
  </si>
  <si>
    <t>令 3． 1</t>
    <rPh sb="0" eb="1">
      <t>レイ</t>
    </rPh>
    <phoneticPr fontId="2"/>
  </si>
  <si>
    <t>昭56． 9</t>
    <phoneticPr fontId="2"/>
  </si>
  <si>
    <t>小松誠一郎</t>
    <rPh sb="2" eb="5">
      <t>セイイチロウ</t>
    </rPh>
    <phoneticPr fontId="2"/>
  </si>
  <si>
    <t>令 2．11</t>
    <rPh sb="0" eb="1">
      <t>レイ</t>
    </rPh>
    <phoneticPr fontId="2"/>
  </si>
  <si>
    <t>塚本眞</t>
    <rPh sb="0" eb="2">
      <t>ツカモト</t>
    </rPh>
    <rPh sb="2" eb="3">
      <t>マコト</t>
    </rPh>
    <phoneticPr fontId="2"/>
  </si>
  <si>
    <t>清水直史</t>
    <rPh sb="0" eb="2">
      <t>シミズ</t>
    </rPh>
    <rPh sb="2" eb="4">
      <t>ナオフミ</t>
    </rPh>
    <phoneticPr fontId="2"/>
  </si>
  <si>
    <t>252-0303</t>
    <phoneticPr fontId="2"/>
  </si>
  <si>
    <t>内,小,リハ</t>
    <phoneticPr fontId="2"/>
  </si>
  <si>
    <t>042-
761-6020</t>
    <phoneticPr fontId="2"/>
  </si>
  <si>
    <t>内,呼内,消内,循内,糖内,透内,外,整,眼,リハ,緩ケ内,漢内</t>
    <rPh sb="2" eb="3">
      <t>コ</t>
    </rPh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トオル</t>
    </rPh>
    <rPh sb="15" eb="16">
      <t>ナイ</t>
    </rPh>
    <rPh sb="26" eb="27">
      <t>カン</t>
    </rPh>
    <rPh sb="28" eb="29">
      <t>ナイ</t>
    </rPh>
    <rPh sb="30" eb="31">
      <t>カン</t>
    </rPh>
    <rPh sb="31" eb="32">
      <t>ナイ</t>
    </rPh>
    <phoneticPr fontId="2"/>
  </si>
  <si>
    <t>金井洋夫</t>
    <rPh sb="0" eb="2">
      <t>カナイ</t>
    </rPh>
    <rPh sb="2" eb="3">
      <t>ヒロシ</t>
    </rPh>
    <rPh sb="3" eb="4">
      <t>オット</t>
    </rPh>
    <phoneticPr fontId="2"/>
  </si>
  <si>
    <t>山瀬美紀</t>
    <rPh sb="0" eb="2">
      <t>ヤマセ</t>
    </rPh>
    <rPh sb="2" eb="4">
      <t>ミキ</t>
    </rPh>
    <phoneticPr fontId="2"/>
  </si>
  <si>
    <t>玉眞俊平</t>
    <rPh sb="0" eb="2">
      <t>タママ</t>
    </rPh>
    <rPh sb="2" eb="4">
      <t>シュンペイ</t>
    </rPh>
    <phoneticPr fontId="2"/>
  </si>
  <si>
    <t>療養病床を有する診療所</t>
    <phoneticPr fontId="2"/>
  </si>
  <si>
    <t>平10． 1</t>
    <rPh sb="0" eb="1">
      <t>ヘイ</t>
    </rPh>
    <phoneticPr fontId="2"/>
  </si>
  <si>
    <t>相模原市緑区橋本台
４－３－１</t>
    <rPh sb="4" eb="6">
      <t>ミドリク</t>
    </rPh>
    <rPh sb="6" eb="8">
      <t>ハシモト</t>
    </rPh>
    <rPh sb="8" eb="9">
      <t>ダイ</t>
    </rPh>
    <phoneticPr fontId="2"/>
  </si>
  <si>
    <t>内,循内,消内,外,消外,整,脳外,皮,リハ,放,麻</t>
    <rPh sb="23" eb="24">
      <t>ホウ</t>
    </rPh>
    <rPh sb="25" eb="26">
      <t>アサ</t>
    </rPh>
    <phoneticPr fontId="2"/>
  </si>
  <si>
    <t>内,リハ</t>
    <phoneticPr fontId="2"/>
  </si>
  <si>
    <t>安達献</t>
    <phoneticPr fontId="2"/>
  </si>
  <si>
    <t>独立行政法人国立病院機構
相模原病院</t>
    <phoneticPr fontId="2"/>
  </si>
  <si>
    <t>森谷光俊</t>
    <phoneticPr fontId="2"/>
  </si>
  <si>
    <t>内,透内,腎内</t>
    <rPh sb="2" eb="3">
      <t>トウ</t>
    </rPh>
    <rPh sb="3" eb="4">
      <t>ナイ</t>
    </rPh>
    <rPh sb="5" eb="7">
      <t>ジンナイ</t>
    </rPh>
    <phoneticPr fontId="2"/>
  </si>
  <si>
    <t>脳外,眼,リハ,循内,内科,整</t>
    <rPh sb="3" eb="4">
      <t>メ</t>
    </rPh>
    <rPh sb="8" eb="9">
      <t>メグル</t>
    </rPh>
    <rPh sb="9" eb="10">
      <t>ナイ</t>
    </rPh>
    <rPh sb="11" eb="13">
      <t>ナイカ</t>
    </rPh>
    <phoneticPr fontId="2"/>
  </si>
  <si>
    <t>今崎貴生</t>
    <rPh sb="0" eb="2">
      <t>イマサキ</t>
    </rPh>
    <rPh sb="2" eb="4">
      <t>キセイ</t>
    </rPh>
    <phoneticPr fontId="2"/>
  </si>
  <si>
    <t>寺崎浩也</t>
    <rPh sb="0" eb="2">
      <t>テラサキ</t>
    </rPh>
    <rPh sb="2" eb="4">
      <t>ヒロヤ</t>
    </rPh>
    <phoneticPr fontId="2"/>
  </si>
  <si>
    <t>梅澤慎一</t>
    <phoneticPr fontId="2"/>
  </si>
  <si>
    <t>さがみ林間病院</t>
    <phoneticPr fontId="2"/>
  </si>
  <si>
    <t>医療法人ユーカリ</t>
    <phoneticPr fontId="2"/>
  </si>
  <si>
    <t>救急病院
(R5.5.1)</t>
    <phoneticPr fontId="2"/>
  </si>
  <si>
    <t>晃友相模原病院</t>
    <rPh sb="0" eb="2">
      <t>アキラトモ</t>
    </rPh>
    <rPh sb="2" eb="5">
      <t>サガミハラ</t>
    </rPh>
    <rPh sb="5" eb="7">
      <t>ビョウイン</t>
    </rPh>
    <phoneticPr fontId="2"/>
  </si>
  <si>
    <t>内,呼内,循内,消内,小,外,消外,整,皮,麻,糖内内,神内,脳内</t>
    <rPh sb="11" eb="12">
      <t>ショウ</t>
    </rPh>
    <rPh sb="15" eb="16">
      <t>ケ</t>
    </rPh>
    <rPh sb="16" eb="17">
      <t>ガイ</t>
    </rPh>
    <rPh sb="18" eb="19">
      <t>タダシ</t>
    </rPh>
    <rPh sb="20" eb="21">
      <t>カワ</t>
    </rPh>
    <rPh sb="22" eb="23">
      <t>マ</t>
    </rPh>
    <rPh sb="24" eb="25">
      <t>トウ</t>
    </rPh>
    <rPh sb="25" eb="26">
      <t>ナイ</t>
    </rPh>
    <rPh sb="26" eb="27">
      <t>ナイ</t>
    </rPh>
    <rPh sb="28" eb="29">
      <t>カミ</t>
    </rPh>
    <rPh sb="29" eb="30">
      <t>ナイ</t>
    </rPh>
    <rPh sb="31" eb="32">
      <t>ノウ</t>
    </rPh>
    <rPh sb="32" eb="33">
      <t>ナイ</t>
    </rPh>
    <phoneticPr fontId="2"/>
  </si>
  <si>
    <t>救急病院
(R5.11.24)</t>
    <rPh sb="2" eb="4">
      <t>ビョウイン</t>
    </rPh>
    <phoneticPr fontId="2"/>
  </si>
  <si>
    <t>救急病院
(R6.2.25)
病院機能評価病院</t>
    <phoneticPr fontId="2"/>
  </si>
  <si>
    <t>救急病院
(R5.12.22)</t>
    <phoneticPr fontId="2"/>
  </si>
  <si>
    <t>令 5． 5</t>
    <phoneticPr fontId="2"/>
  </si>
  <si>
    <t>内,消内,循内,精,神内,外,整,婦,眼,耳咽,皮,泌,リハ,放,麻,歯口,腎内,脳外,糖代内内,乳外,リ</t>
    <rPh sb="3" eb="4">
      <t>ナイ</t>
    </rPh>
    <rPh sb="6" eb="7">
      <t>ナイ</t>
    </rPh>
    <rPh sb="8" eb="9">
      <t>セイ</t>
    </rPh>
    <rPh sb="17" eb="18">
      <t>フ</t>
    </rPh>
    <rPh sb="38" eb="39">
      <t>ジン</t>
    </rPh>
    <rPh sb="39" eb="40">
      <t>ナイ</t>
    </rPh>
    <rPh sb="41" eb="42">
      <t>ノウ</t>
    </rPh>
    <rPh sb="42" eb="43">
      <t>ガイ</t>
    </rPh>
    <rPh sb="44" eb="45">
      <t>トウ</t>
    </rPh>
    <rPh sb="45" eb="46">
      <t>ダイ</t>
    </rPh>
    <rPh sb="46" eb="47">
      <t>ナイ</t>
    </rPh>
    <rPh sb="47" eb="48">
      <t>ナイ</t>
    </rPh>
    <rPh sb="49" eb="50">
      <t>ニュウ</t>
    </rPh>
    <rPh sb="50" eb="51">
      <t>ガイ</t>
    </rPh>
    <phoneticPr fontId="2"/>
  </si>
  <si>
    <t>内,呼内,消内,循内,血内,糖内代内,腎内,小,精,脳神内,感内,ア,リ,外,呼外,消外,心外,血外,頭頸外,乳内外,小心血,整,脳外,形,美,心血,小外,産,婦,眼,耳咽,皮,泌,リハ,臨検,放診,放治,病診,救,麻,歯,心内</t>
    <rPh sb="5" eb="6">
      <t>ショウ</t>
    </rPh>
    <rPh sb="6" eb="7">
      <t>ナイ</t>
    </rPh>
    <rPh sb="8" eb="10">
      <t>ジュン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ダイ</t>
    </rPh>
    <rPh sb="17" eb="18">
      <t>ナイ</t>
    </rPh>
    <rPh sb="19" eb="20">
      <t>ジン</t>
    </rPh>
    <rPh sb="20" eb="21">
      <t>ナイ</t>
    </rPh>
    <rPh sb="26" eb="27">
      <t>ノウ</t>
    </rPh>
    <rPh sb="37" eb="38">
      <t>ソト</t>
    </rPh>
    <rPh sb="42" eb="43">
      <t>ショウ</t>
    </rPh>
    <rPh sb="43" eb="44">
      <t>ガイ</t>
    </rPh>
    <rPh sb="45" eb="46">
      <t>シン</t>
    </rPh>
    <rPh sb="46" eb="47">
      <t>ガイ</t>
    </rPh>
    <rPh sb="48" eb="49">
      <t>ケツ</t>
    </rPh>
    <rPh sb="49" eb="50">
      <t>ガイ</t>
    </rPh>
    <rPh sb="53" eb="54">
      <t>ガイ</t>
    </rPh>
    <rPh sb="55" eb="56">
      <t>ニュウ</t>
    </rPh>
    <rPh sb="56" eb="57">
      <t>ナイ</t>
    </rPh>
    <rPh sb="57" eb="58">
      <t>ガイ</t>
    </rPh>
    <rPh sb="59" eb="60">
      <t>ショウ</t>
    </rPh>
    <rPh sb="60" eb="61">
      <t>シン</t>
    </rPh>
    <rPh sb="61" eb="62">
      <t>ケツ</t>
    </rPh>
    <rPh sb="73" eb="74">
      <t>チ</t>
    </rPh>
    <rPh sb="94" eb="96">
      <t>リンケン</t>
    </rPh>
    <rPh sb="97" eb="98">
      <t>ホウ</t>
    </rPh>
    <rPh sb="98" eb="99">
      <t>シン</t>
    </rPh>
    <rPh sb="100" eb="101">
      <t>ホウ</t>
    </rPh>
    <rPh sb="106" eb="107">
      <t>キュウ</t>
    </rPh>
    <phoneticPr fontId="2"/>
  </si>
  <si>
    <t>山岡邦宏</t>
    <phoneticPr fontId="2"/>
  </si>
  <si>
    <t>森田忠夫</t>
    <rPh sb="0" eb="2">
      <t>モリタ</t>
    </rPh>
    <rPh sb="2" eb="4">
      <t>タダオ</t>
    </rPh>
    <phoneticPr fontId="2"/>
  </si>
  <si>
    <t>内,呼内,消内,循内,腎内,小,精,リ,外,呼外,消外,乳外,整,脳外,形,産婦,眼,耳咽,皮,泌,リハ,放診,放治,病診,臨検,救,麻,歯口,緩ケ内,心外,血外,糖代内内,血内,神内,ペ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5" eb="26">
      <t>ケ</t>
    </rPh>
    <rPh sb="26" eb="27">
      <t>ガイ</t>
    </rPh>
    <rPh sb="28" eb="29">
      <t>チチ</t>
    </rPh>
    <rPh sb="29" eb="30">
      <t>ガイ</t>
    </rPh>
    <rPh sb="31" eb="32">
      <t>タダシ</t>
    </rPh>
    <rPh sb="36" eb="37">
      <t>カタチ</t>
    </rPh>
    <rPh sb="54" eb="55">
      <t>ミ</t>
    </rPh>
    <rPh sb="56" eb="57">
      <t>ホウ</t>
    </rPh>
    <rPh sb="57" eb="58">
      <t>オサム</t>
    </rPh>
    <rPh sb="59" eb="60">
      <t>ヤマイ</t>
    </rPh>
    <rPh sb="60" eb="61">
      <t>ミ</t>
    </rPh>
    <rPh sb="62" eb="64">
      <t>リンケン</t>
    </rPh>
    <rPh sb="65" eb="66">
      <t>キュウ</t>
    </rPh>
    <rPh sb="67" eb="68">
      <t>アサ</t>
    </rPh>
    <rPh sb="72" eb="73">
      <t>ユル</t>
    </rPh>
    <rPh sb="74" eb="75">
      <t>ウチ</t>
    </rPh>
    <rPh sb="82" eb="83">
      <t>トウ</t>
    </rPh>
    <rPh sb="83" eb="84">
      <t>ダイ</t>
    </rPh>
    <rPh sb="84" eb="85">
      <t>ナイ</t>
    </rPh>
    <rPh sb="85" eb="86">
      <t>ナイ</t>
    </rPh>
    <rPh sb="87" eb="88">
      <t>チ</t>
    </rPh>
    <rPh sb="88" eb="89">
      <t>ナイ</t>
    </rPh>
    <rPh sb="90" eb="92">
      <t>カミウチ</t>
    </rPh>
    <rPh sb="94" eb="95">
      <t>ナイ</t>
    </rPh>
    <phoneticPr fontId="2"/>
  </si>
  <si>
    <t>内,歯,リハ</t>
    <rPh sb="2" eb="3">
      <t>ハ</t>
    </rPh>
    <phoneticPr fontId="2"/>
  </si>
  <si>
    <t>壽智香</t>
    <phoneticPr fontId="2"/>
  </si>
  <si>
    <t>堤健</t>
    <rPh sb="0" eb="1">
      <t>ツツミ</t>
    </rPh>
    <rPh sb="1" eb="2">
      <t>ケン</t>
    </rPh>
    <phoneticPr fontId="2"/>
  </si>
  <si>
    <t>文字照憲</t>
    <rPh sb="0" eb="2">
      <t>モジ</t>
    </rPh>
    <rPh sb="2" eb="3">
      <t>ショウ</t>
    </rPh>
    <rPh sb="3" eb="4">
      <t>ケン</t>
    </rPh>
    <phoneticPr fontId="2"/>
  </si>
  <si>
    <t>西山保比古</t>
    <phoneticPr fontId="2"/>
  </si>
  <si>
    <t>医療法人神奈川せいわ会</t>
  </si>
  <si>
    <t>三井久男</t>
    <rPh sb="0" eb="2">
      <t>ミツイ</t>
    </rPh>
    <rPh sb="2" eb="4">
      <t>ヒサオ</t>
    </rPh>
    <phoneticPr fontId="2"/>
  </si>
  <si>
    <t>内</t>
    <rPh sb="0" eb="1">
      <t>ナイ</t>
    </rPh>
    <phoneticPr fontId="2"/>
  </si>
  <si>
    <t>内,呼内,消内,循内,小,精,脳内,外,整,婦,眼,耳咽,皮,泌,肛外,リハ,放,麻,乳外,脳外,腎内</t>
    <rPh sb="3" eb="4">
      <t>ナイ</t>
    </rPh>
    <rPh sb="6" eb="7">
      <t>ナイ</t>
    </rPh>
    <rPh sb="9" eb="10">
      <t>ナイ</t>
    </rPh>
    <rPh sb="15" eb="16">
      <t>ノウ</t>
    </rPh>
    <rPh sb="34" eb="35">
      <t>ガイ</t>
    </rPh>
    <rPh sb="43" eb="44">
      <t>ニュウ</t>
    </rPh>
    <rPh sb="44" eb="45">
      <t>ゲ</t>
    </rPh>
    <rPh sb="46" eb="47">
      <t>ノウ</t>
    </rPh>
    <rPh sb="47" eb="48">
      <t>ソト</t>
    </rPh>
    <rPh sb="49" eb="50">
      <t>ジン</t>
    </rPh>
    <rPh sb="50" eb="51">
      <t>ナイ</t>
    </rPh>
    <phoneticPr fontId="2"/>
  </si>
  <si>
    <t>病院機能評価認定
地域医療支援病院
救急病院（R6.5.24）</t>
    <rPh sb="18" eb="20">
      <t>キュウキュウ</t>
    </rPh>
    <rPh sb="20" eb="22">
      <t>ビョウイン</t>
    </rPh>
    <phoneticPr fontId="2"/>
  </si>
  <si>
    <t>救急病院
(R6.7.23)</t>
    <rPh sb="2" eb="4">
      <t>ビョウイン</t>
    </rPh>
    <phoneticPr fontId="2"/>
  </si>
  <si>
    <t>救急病院
(R7.3.23）</t>
    <phoneticPr fontId="2"/>
  </si>
  <si>
    <t>内,呼内,消内,循内,小,精,脳内,ア,リ,外,整,脳外,産,婦,眼,耳咽,皮,泌,リハ,放,麻,呼外,病診,救,消外,乳外,形,美,血内,糖内代内</t>
    <rPh sb="3" eb="4">
      <t>ナイ</t>
    </rPh>
    <rPh sb="6" eb="7">
      <t>ナイ</t>
    </rPh>
    <rPh sb="9" eb="10">
      <t>ナイ</t>
    </rPh>
    <rPh sb="15" eb="16">
      <t>ノウ</t>
    </rPh>
    <rPh sb="49" eb="50">
      <t>コ</t>
    </rPh>
    <rPh sb="50" eb="51">
      <t>ガイ</t>
    </rPh>
    <rPh sb="52" eb="53">
      <t>ビョウ</t>
    </rPh>
    <rPh sb="53" eb="54">
      <t>シン</t>
    </rPh>
    <rPh sb="55" eb="56">
      <t>キュウ</t>
    </rPh>
    <rPh sb="57" eb="58">
      <t>ケ</t>
    </rPh>
    <rPh sb="58" eb="59">
      <t>ソト</t>
    </rPh>
    <rPh sb="60" eb="61">
      <t>ニュウ</t>
    </rPh>
    <rPh sb="61" eb="62">
      <t>ゲ</t>
    </rPh>
    <rPh sb="63" eb="64">
      <t>カタチ</t>
    </rPh>
    <rPh sb="65" eb="66">
      <t>ビ</t>
    </rPh>
    <rPh sb="67" eb="68">
      <t>ケツ</t>
    </rPh>
    <rPh sb="68" eb="69">
      <t>ナイ</t>
    </rPh>
    <rPh sb="71" eb="72">
      <t>ナイ</t>
    </rPh>
    <phoneticPr fontId="2"/>
  </si>
  <si>
    <t>救急病院
(R7.1.13)</t>
    <phoneticPr fontId="2"/>
  </si>
  <si>
    <t>医療法人神奈川せいわ会相模大野リハビリテーション病院</t>
    <rPh sb="0" eb="2">
      <t>イリョウ</t>
    </rPh>
    <rPh sb="2" eb="4">
      <t>ホウジン</t>
    </rPh>
    <rPh sb="4" eb="7">
      <t>カナガワ</t>
    </rPh>
    <rPh sb="10" eb="11">
      <t>カイ</t>
    </rPh>
    <rPh sb="11" eb="15">
      <t>サガミオオノ</t>
    </rPh>
    <rPh sb="24" eb="26">
      <t>ビョウイン</t>
    </rPh>
    <phoneticPr fontId="2"/>
  </si>
  <si>
    <t>相模原市中央区田名塩田
３－１４－３６</t>
    <rPh sb="4" eb="7">
      <t>チュウオウク</t>
    </rPh>
    <phoneticPr fontId="2"/>
  </si>
  <si>
    <t>相模原市中央区富士見
６－４－２０</t>
    <rPh sb="4" eb="7">
      <t>チュウオウク</t>
    </rPh>
    <phoneticPr fontId="2"/>
  </si>
  <si>
    <t>相模原市中央区淵野辺
１－２－３０</t>
    <rPh sb="4" eb="7">
      <t>チュウオウク</t>
    </rPh>
    <rPh sb="7" eb="10">
      <t>フチノベ</t>
    </rPh>
    <phoneticPr fontId="2"/>
  </si>
  <si>
    <t>相模原市中央区淵野辺
３－２－８</t>
    <rPh sb="4" eb="7">
      <t>チュウオウク</t>
    </rPh>
    <rPh sb="7" eb="10">
      <t>フチノベ</t>
    </rPh>
    <phoneticPr fontId="2"/>
  </si>
  <si>
    <t>相模原市南区相模大野
６－１９－２６</t>
    <rPh sb="4" eb="6">
      <t>ミナミク</t>
    </rPh>
    <phoneticPr fontId="2"/>
  </si>
  <si>
    <t>相模原市南区相模大野
７－８－１６</t>
    <rPh sb="4" eb="6">
      <t>ミナミク</t>
    </rPh>
    <phoneticPr fontId="2"/>
  </si>
  <si>
    <t>相模原市中央区富士見
６－１－１</t>
    <rPh sb="4" eb="7">
      <t>チュウオウク</t>
    </rPh>
    <phoneticPr fontId="2"/>
  </si>
  <si>
    <t>相模原市南区松が枝町
２３－１４</t>
    <rPh sb="0" eb="4">
      <t>サガミハラシ</t>
    </rPh>
    <rPh sb="4" eb="6">
      <t>ミナミク</t>
    </rPh>
    <rPh sb="6" eb="7">
      <t>マツ</t>
    </rPh>
    <rPh sb="8" eb="10">
      <t>エチョウ</t>
    </rPh>
    <phoneticPr fontId="2"/>
  </si>
  <si>
    <t>相模原市南区相模大野
４－４－１</t>
    <rPh sb="4" eb="6">
      <t>ミナミク</t>
    </rPh>
    <phoneticPr fontId="2"/>
  </si>
  <si>
    <t>相模原市中央区横山台
２－１８－４１</t>
    <rPh sb="4" eb="7">
      <t>チュウオウク</t>
    </rPh>
    <rPh sb="7" eb="9">
      <t>ヨコヤマ</t>
    </rPh>
    <rPh sb="9" eb="10">
      <t>ダイ</t>
    </rPh>
    <phoneticPr fontId="2"/>
  </si>
  <si>
    <t>相模原市中央区相模原
４－１１－４</t>
    <rPh sb="4" eb="7">
      <t>チュウオウク</t>
    </rPh>
    <phoneticPr fontId="2"/>
  </si>
  <si>
    <t>救急病院
(R8.2.1)</t>
  </si>
  <si>
    <t>救急病院
(R8.2.1)
地域医療支援病院             病院機能評価認定</t>
    <rPh sb="14" eb="16">
      <t>チイキ</t>
    </rPh>
    <rPh sb="16" eb="18">
      <t>イリョウ</t>
    </rPh>
    <rPh sb="18" eb="20">
      <t>シエン</t>
    </rPh>
    <rPh sb="20" eb="22">
      <t>ビョウイン</t>
    </rPh>
    <rPh sb="35" eb="37">
      <t>ビョウイン</t>
    </rPh>
    <rPh sb="37" eb="39">
      <t>キノウ</t>
    </rPh>
    <rPh sb="39" eb="41">
      <t>ヒョウカ</t>
    </rPh>
    <rPh sb="41" eb="43">
      <t>ニンテイ</t>
    </rPh>
    <phoneticPr fontId="2"/>
  </si>
  <si>
    <t>救急診療所
(R8.2.1)</t>
  </si>
  <si>
    <t>救急病院
(R8.1.7)</t>
    <rPh sb="2" eb="4">
      <t>ビョウイン</t>
    </rPh>
    <phoneticPr fontId="2"/>
  </si>
  <si>
    <t>救急病院
(R8.1.7)</t>
    <phoneticPr fontId="2"/>
  </si>
  <si>
    <t>荒木正雄</t>
    <rPh sb="0" eb="2">
      <t>アラキ</t>
    </rPh>
    <rPh sb="2" eb="4">
      <t>マサオ</t>
    </rPh>
    <phoneticPr fontId="2"/>
  </si>
  <si>
    <t>三枝文子</t>
    <rPh sb="0" eb="2">
      <t>サエグサ</t>
    </rPh>
    <rPh sb="2" eb="4">
      <t>フミコ</t>
    </rPh>
    <phoneticPr fontId="2"/>
  </si>
  <si>
    <t>戸倉夏木</t>
    <phoneticPr fontId="2"/>
  </si>
  <si>
    <t>内,呼内,消内,循内,糖内,脂代内,鏡内,外,消外,整,脳外,形,鏡外,皮,泌,肛外,リハ,麻,放,ペ外</t>
    <rPh sb="3" eb="4">
      <t>ナイ</t>
    </rPh>
    <rPh sb="5" eb="6">
      <t>ショウ</t>
    </rPh>
    <rPh sb="6" eb="7">
      <t>ナイ</t>
    </rPh>
    <rPh sb="9" eb="10">
      <t>ナイ</t>
    </rPh>
    <rPh sb="11" eb="12">
      <t>トウ</t>
    </rPh>
    <rPh sb="12" eb="13">
      <t>ナイ</t>
    </rPh>
    <rPh sb="14" eb="15">
      <t>アブラ</t>
    </rPh>
    <rPh sb="15" eb="16">
      <t>ダイ</t>
    </rPh>
    <rPh sb="16" eb="17">
      <t>ナイ</t>
    </rPh>
    <rPh sb="18" eb="20">
      <t>カガミウチ</t>
    </rPh>
    <rPh sb="21" eb="22">
      <t>ガイ</t>
    </rPh>
    <rPh sb="23" eb="24">
      <t>ショウ</t>
    </rPh>
    <rPh sb="24" eb="25">
      <t>ゲ</t>
    </rPh>
    <rPh sb="33" eb="34">
      <t>カガミ</t>
    </rPh>
    <rPh sb="34" eb="35">
      <t>ソト</t>
    </rPh>
    <rPh sb="41" eb="42">
      <t>ゲ</t>
    </rPh>
    <rPh sb="48" eb="49">
      <t>ホウ</t>
    </rPh>
    <rPh sb="51" eb="52">
      <t>ソト</t>
    </rPh>
    <phoneticPr fontId="2"/>
  </si>
  <si>
    <t>内,外,整,脳外,産婦,眼,耳咽,泌,リハ,放,麻,ぺ内</t>
    <rPh sb="27" eb="28">
      <t>ナイ</t>
    </rPh>
    <phoneticPr fontId="2"/>
  </si>
  <si>
    <t>内,整,脳外,リハ</t>
    <phoneticPr fontId="2"/>
  </si>
  <si>
    <t>内,小,外,整,産婦,眼,耳咽,リハ,放,麻,精,脳外,救</t>
    <rPh sb="23" eb="24">
      <t>セイ</t>
    </rPh>
    <rPh sb="25" eb="27">
      <t>ノウゲ</t>
    </rPh>
    <rPh sb="28" eb="29">
      <t>キュウ</t>
    </rPh>
    <phoneticPr fontId="2"/>
  </si>
  <si>
    <t>内、リハ</t>
    <phoneticPr fontId="2"/>
  </si>
  <si>
    <t>内,外,整,脳外,消内,消外,循内,リハ,乳外,糖内内,神内</t>
    <rPh sb="2" eb="3">
      <t>ゲ</t>
    </rPh>
    <rPh sb="4" eb="5">
      <t>トトノ</t>
    </rPh>
    <rPh sb="6" eb="7">
      <t>ノウ</t>
    </rPh>
    <rPh sb="7" eb="8">
      <t>ソト</t>
    </rPh>
    <rPh sb="9" eb="10">
      <t>ケ</t>
    </rPh>
    <rPh sb="10" eb="11">
      <t>ナイ</t>
    </rPh>
    <rPh sb="12" eb="13">
      <t>ショウ</t>
    </rPh>
    <rPh sb="13" eb="14">
      <t>ソト</t>
    </rPh>
    <rPh sb="15" eb="16">
      <t>ジュン</t>
    </rPh>
    <rPh sb="16" eb="17">
      <t>ナイ</t>
    </rPh>
    <rPh sb="21" eb="22">
      <t>チチ</t>
    </rPh>
    <rPh sb="22" eb="23">
      <t>ガイ</t>
    </rPh>
    <rPh sb="24" eb="25">
      <t>トウ</t>
    </rPh>
    <rPh sb="25" eb="26">
      <t>ナイ</t>
    </rPh>
    <rPh sb="26" eb="27">
      <t>ナイ</t>
    </rPh>
    <rPh sb="28" eb="30">
      <t>カミウチ</t>
    </rPh>
    <phoneticPr fontId="2"/>
  </si>
  <si>
    <t>内,脳内,脳外,整,リハ</t>
    <rPh sb="2" eb="4">
      <t>ノウナイ</t>
    </rPh>
    <rPh sb="5" eb="6">
      <t>ノウ</t>
    </rPh>
    <rPh sb="6" eb="7">
      <t>ガイ</t>
    </rPh>
    <phoneticPr fontId="2"/>
  </si>
  <si>
    <t>252-0132</t>
  </si>
  <si>
    <t>相模原市緑区橋本台
４－３－５</t>
    <phoneticPr fontId="2"/>
  </si>
  <si>
    <t>令 7．12</t>
    <rPh sb="0" eb="1">
      <t>レ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83">
    <xf numFmtId="0" fontId="0" fillId="0" borderId="0" xfId="0">
      <alignment vertical="center"/>
    </xf>
    <xf numFmtId="0" fontId="5" fillId="0" borderId="0" xfId="0" applyFont="1">
      <alignment vertical="center"/>
    </xf>
    <xf numFmtId="0" fontId="5" fillId="0" borderId="8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 shrinkToFit="1"/>
    </xf>
    <xf numFmtId="0" fontId="5" fillId="0" borderId="13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right" vertical="center"/>
    </xf>
    <xf numFmtId="0" fontId="5" fillId="0" borderId="13" xfId="0" applyFont="1" applyBorder="1" applyAlignment="1">
      <alignment horizontal="right" vertical="center"/>
    </xf>
    <xf numFmtId="0" fontId="5" fillId="0" borderId="6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right" vertical="center" wrapText="1"/>
    </xf>
    <xf numFmtId="0" fontId="5" fillId="0" borderId="16" xfId="0" applyFont="1" applyBorder="1" applyAlignment="1">
      <alignment horizontal="right" vertical="center" wrapText="1"/>
    </xf>
    <xf numFmtId="0" fontId="5" fillId="0" borderId="7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right" vertical="center"/>
    </xf>
    <xf numFmtId="0" fontId="5" fillId="0" borderId="27" xfId="0" applyFont="1" applyBorder="1" applyAlignment="1">
      <alignment horizontal="right" vertical="center"/>
    </xf>
    <xf numFmtId="0" fontId="5" fillId="0" borderId="9" xfId="0" applyFont="1" applyBorder="1" applyAlignment="1">
      <alignment horizontal="left" vertical="center" wrapText="1"/>
    </xf>
    <xf numFmtId="0" fontId="5" fillId="0" borderId="24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right" vertical="center"/>
    </xf>
    <xf numFmtId="0" fontId="5" fillId="0" borderId="15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5" fillId="0" borderId="17" xfId="0" applyFont="1" applyBorder="1" applyAlignment="1">
      <alignment horizontal="left" vertical="center" wrapText="1"/>
    </xf>
    <xf numFmtId="0" fontId="5" fillId="0" borderId="18" xfId="0" applyFont="1" applyBorder="1" applyAlignment="1">
      <alignment horizontal="left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right" vertical="center"/>
    </xf>
    <xf numFmtId="0" fontId="5" fillId="0" borderId="20" xfId="0" applyFont="1" applyBorder="1" applyAlignment="1">
      <alignment horizontal="left" vertical="center" wrapText="1"/>
    </xf>
    <xf numFmtId="0" fontId="5" fillId="0" borderId="18" xfId="0" applyFont="1" applyBorder="1" applyAlignment="1">
      <alignment horizontal="left" vertical="center"/>
    </xf>
    <xf numFmtId="0" fontId="5" fillId="0" borderId="25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center" vertical="center" wrapText="1"/>
    </xf>
    <xf numFmtId="0" fontId="5" fillId="0" borderId="25" xfId="0" applyFont="1" applyBorder="1" applyAlignment="1">
      <alignment horizontal="right" vertical="center"/>
    </xf>
    <xf numFmtId="0" fontId="5" fillId="0" borderId="25" xfId="0" applyFont="1" applyBorder="1" applyAlignment="1">
      <alignment horizontal="left" vertical="center"/>
    </xf>
    <xf numFmtId="0" fontId="5" fillId="0" borderId="26" xfId="0" applyFont="1" applyBorder="1" applyAlignment="1">
      <alignment horizontal="left" vertical="center" wrapText="1"/>
    </xf>
    <xf numFmtId="0" fontId="5" fillId="0" borderId="16" xfId="0" applyFont="1" applyBorder="1" applyAlignment="1">
      <alignment horizontal="right" vertical="center"/>
    </xf>
    <xf numFmtId="0" fontId="5" fillId="0" borderId="14" xfId="0" applyFont="1" applyBorder="1" applyAlignment="1">
      <alignment horizontal="left" vertical="center"/>
    </xf>
    <xf numFmtId="0" fontId="3" fillId="0" borderId="24" xfId="0" applyFont="1" applyBorder="1" applyAlignment="1">
      <alignment horizontal="left" vertical="center" wrapText="1"/>
    </xf>
    <xf numFmtId="0" fontId="5" fillId="0" borderId="19" xfId="0" applyFont="1" applyBorder="1" applyAlignment="1">
      <alignment horizontal="right" vertical="center"/>
    </xf>
    <xf numFmtId="0" fontId="5" fillId="0" borderId="5" xfId="0" applyFont="1" applyBorder="1" applyAlignment="1">
      <alignment horizontal="center" vertical="center"/>
    </xf>
    <xf numFmtId="0" fontId="5" fillId="0" borderId="5" xfId="0" applyFont="1" applyBorder="1" applyAlignment="1">
      <alignment horizontal="left" vertical="center"/>
    </xf>
    <xf numFmtId="0" fontId="5" fillId="0" borderId="8" xfId="0" applyFont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 wrapText="1"/>
    </xf>
    <xf numFmtId="0" fontId="5" fillId="0" borderId="6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8" xfId="0" applyFont="1" applyBorder="1" applyAlignment="1">
      <alignment horizontal="left" vertical="center"/>
    </xf>
    <xf numFmtId="0" fontId="1" fillId="0" borderId="1" xfId="0" applyFont="1" applyBorder="1" applyAlignment="1">
      <alignment horizontal="center" vertical="center" justifyLastLine="1" shrinkToFit="1"/>
    </xf>
    <xf numFmtId="0" fontId="1" fillId="0" borderId="2" xfId="0" applyFont="1" applyBorder="1" applyAlignment="1">
      <alignment horizontal="center" vertical="center" justifyLastLine="1" shrinkToFit="1"/>
    </xf>
    <xf numFmtId="0" fontId="1" fillId="0" borderId="4" xfId="0" applyFont="1" applyBorder="1" applyAlignment="1">
      <alignment horizontal="center" vertical="center" justifyLastLine="1" shrinkToFit="1"/>
    </xf>
    <xf numFmtId="0" fontId="1" fillId="0" borderId="5" xfId="0" applyFont="1" applyBorder="1" applyAlignment="1">
      <alignment horizontal="center" vertical="center" justifyLastLine="1" shrinkToFit="1"/>
    </xf>
    <xf numFmtId="0" fontId="1" fillId="0" borderId="7" xfId="0" applyFont="1" applyBorder="1" applyAlignment="1">
      <alignment horizontal="center" vertical="center" justifyLastLine="1" shrinkToFit="1"/>
    </xf>
    <xf numFmtId="0" fontId="1" fillId="0" borderId="8" xfId="0" applyFont="1" applyBorder="1" applyAlignment="1">
      <alignment horizontal="center" vertical="center" justifyLastLine="1" shrinkToFit="1"/>
    </xf>
    <xf numFmtId="0" fontId="5" fillId="0" borderId="2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  <xf numFmtId="0" fontId="5" fillId="0" borderId="8" xfId="0" applyFont="1" applyBorder="1" applyAlignment="1">
      <alignment horizontal="left" vertical="center"/>
    </xf>
    <xf numFmtId="0" fontId="5" fillId="0" borderId="9" xfId="0" applyFont="1" applyBorder="1" applyAlignment="1">
      <alignment horizontal="left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3" fillId="0" borderId="28" xfId="0" applyFont="1" applyBorder="1" applyAlignment="1">
      <alignment horizontal="left" vertical="center" wrapText="1"/>
    </xf>
    <xf numFmtId="0" fontId="3" fillId="0" borderId="29" xfId="0" applyFont="1" applyBorder="1" applyAlignment="1">
      <alignment horizontal="left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Q62"/>
  <sheetViews>
    <sheetView tabSelected="1" view="pageBreakPreview" topLeftCell="A58" zoomScaleNormal="100" zoomScaleSheetLayoutView="100" workbookViewId="0">
      <selection activeCell="R78" sqref="R78"/>
    </sheetView>
  </sheetViews>
  <sheetFormatPr defaultColWidth="9" defaultRowHeight="10.8" x14ac:dyDescent="0.2"/>
  <cols>
    <col min="1" max="1" width="17.6640625" style="1" customWidth="1"/>
    <col min="2" max="2" width="19.33203125" style="1" customWidth="1"/>
    <col min="3" max="3" width="5.109375" style="1" bestFit="1" customWidth="1"/>
    <col min="4" max="4" width="16.109375" style="1" bestFit="1" customWidth="1"/>
    <col min="5" max="5" width="9.109375" style="1" customWidth="1"/>
    <col min="6" max="6" width="21.109375" style="1" customWidth="1"/>
    <col min="7" max="7" width="8" style="1" customWidth="1"/>
    <col min="8" max="8" width="4.44140625" style="1" customWidth="1"/>
    <col min="9" max="11" width="4.44140625" style="1" bestFit="1" customWidth="1"/>
    <col min="12" max="13" width="4.109375" style="1" customWidth="1"/>
    <col min="14" max="14" width="7.6640625" style="1" customWidth="1"/>
    <col min="15" max="15" width="14.88671875" style="1" customWidth="1"/>
    <col min="16" max="16384" width="9" style="1"/>
  </cols>
  <sheetData>
    <row r="1" spans="1:15" ht="11.25" customHeight="1" x14ac:dyDescent="0.2">
      <c r="A1" s="58" t="s">
        <v>0</v>
      </c>
      <c r="B1" s="59"/>
      <c r="C1" s="59"/>
      <c r="D1" s="64" t="s">
        <v>1</v>
      </c>
      <c r="E1" s="66" t="s">
        <v>2</v>
      </c>
      <c r="F1" s="67"/>
    </row>
    <row r="2" spans="1:15" ht="11.25" customHeight="1" x14ac:dyDescent="0.2">
      <c r="A2" s="60"/>
      <c r="B2" s="61"/>
      <c r="C2" s="61"/>
      <c r="D2" s="65"/>
      <c r="E2" s="68" t="s">
        <v>3</v>
      </c>
      <c r="F2" s="69"/>
    </row>
    <row r="3" spans="1:15" ht="15.75" customHeight="1" thickBot="1" x14ac:dyDescent="0.25">
      <c r="A3" s="62"/>
      <c r="B3" s="63"/>
      <c r="C3" s="63"/>
      <c r="D3" s="2" t="s">
        <v>4</v>
      </c>
      <c r="E3" s="70" t="s">
        <v>5</v>
      </c>
      <c r="F3" s="71"/>
    </row>
    <row r="4" spans="1:15" s="4" customFormat="1" x14ac:dyDescent="0.2">
      <c r="A4" s="75" t="s">
        <v>6</v>
      </c>
      <c r="B4" s="64" t="s">
        <v>7</v>
      </c>
      <c r="C4" s="64" t="s">
        <v>8</v>
      </c>
      <c r="D4" s="64" t="s">
        <v>9</v>
      </c>
      <c r="E4" s="64" t="s">
        <v>10</v>
      </c>
      <c r="F4" s="64" t="s">
        <v>11</v>
      </c>
      <c r="G4" s="64" t="s">
        <v>4</v>
      </c>
      <c r="H4" s="64" t="s">
        <v>12</v>
      </c>
      <c r="I4" s="64"/>
      <c r="J4" s="64"/>
      <c r="K4" s="64"/>
      <c r="L4" s="64"/>
      <c r="M4" s="72"/>
      <c r="N4" s="73" t="s">
        <v>13</v>
      </c>
      <c r="O4" s="3" t="s">
        <v>14</v>
      </c>
    </row>
    <row r="5" spans="1:15" s="4" customFormat="1" x14ac:dyDescent="0.2">
      <c r="A5" s="76"/>
      <c r="B5" s="65"/>
      <c r="C5" s="65"/>
      <c r="D5" s="65"/>
      <c r="E5" s="65"/>
      <c r="F5" s="65"/>
      <c r="G5" s="65"/>
      <c r="H5" s="47" t="s">
        <v>15</v>
      </c>
      <c r="I5" s="47" t="s">
        <v>16</v>
      </c>
      <c r="J5" s="47" t="s">
        <v>17</v>
      </c>
      <c r="K5" s="47" t="s">
        <v>18</v>
      </c>
      <c r="L5" s="5" t="s">
        <v>19</v>
      </c>
      <c r="M5" s="6" t="s">
        <v>20</v>
      </c>
      <c r="N5" s="74"/>
      <c r="O5" s="7" t="s">
        <v>21</v>
      </c>
    </row>
    <row r="6" spans="1:15" ht="31.65" customHeight="1" x14ac:dyDescent="0.2">
      <c r="A6" s="8" t="s">
        <v>22</v>
      </c>
      <c r="B6" s="9" t="s">
        <v>23</v>
      </c>
      <c r="C6" s="10" t="s">
        <v>24</v>
      </c>
      <c r="D6" s="9" t="s">
        <v>25</v>
      </c>
      <c r="E6" s="9" t="s">
        <v>229</v>
      </c>
      <c r="F6" s="9" t="s">
        <v>260</v>
      </c>
      <c r="G6" s="9" t="s">
        <v>26</v>
      </c>
      <c r="H6" s="11">
        <v>60</v>
      </c>
      <c r="I6" s="11">
        <v>66</v>
      </c>
      <c r="J6" s="11">
        <v>0</v>
      </c>
      <c r="K6" s="11">
        <v>0</v>
      </c>
      <c r="L6" s="11">
        <v>0</v>
      </c>
      <c r="M6" s="12">
        <f t="shared" ref="M6:M12" si="0">SUM(H6:L6)</f>
        <v>126</v>
      </c>
      <c r="N6" s="48" t="s">
        <v>27</v>
      </c>
      <c r="O6" s="13"/>
    </row>
    <row r="7" spans="1:15" ht="30.6" customHeight="1" x14ac:dyDescent="0.2">
      <c r="A7" s="8" t="s">
        <v>294</v>
      </c>
      <c r="B7" s="9" t="s">
        <v>28</v>
      </c>
      <c r="C7" s="10" t="s">
        <v>29</v>
      </c>
      <c r="D7" s="9" t="s">
        <v>30</v>
      </c>
      <c r="E7" s="9" t="s">
        <v>276</v>
      </c>
      <c r="F7" s="9" t="s">
        <v>287</v>
      </c>
      <c r="G7" s="9" t="s">
        <v>31</v>
      </c>
      <c r="H7" s="11">
        <v>59</v>
      </c>
      <c r="I7" s="11">
        <v>0</v>
      </c>
      <c r="J7" s="11">
        <v>0</v>
      </c>
      <c r="K7" s="11">
        <v>0</v>
      </c>
      <c r="L7" s="11">
        <v>0</v>
      </c>
      <c r="M7" s="12">
        <f t="shared" si="0"/>
        <v>59</v>
      </c>
      <c r="N7" s="48" t="s">
        <v>32</v>
      </c>
      <c r="O7" s="51" t="s">
        <v>334</v>
      </c>
    </row>
    <row r="8" spans="1:15" ht="36" customHeight="1" x14ac:dyDescent="0.2">
      <c r="A8" s="8" t="s">
        <v>33</v>
      </c>
      <c r="B8" s="9" t="s">
        <v>34</v>
      </c>
      <c r="C8" s="10" t="s">
        <v>29</v>
      </c>
      <c r="D8" s="9" t="s">
        <v>35</v>
      </c>
      <c r="E8" s="9" t="s">
        <v>307</v>
      </c>
      <c r="F8" s="9" t="s">
        <v>36</v>
      </c>
      <c r="G8" s="9" t="s">
        <v>37</v>
      </c>
      <c r="H8" s="11">
        <v>0</v>
      </c>
      <c r="I8" s="11">
        <v>312</v>
      </c>
      <c r="J8" s="11">
        <v>0</v>
      </c>
      <c r="K8" s="11">
        <v>0</v>
      </c>
      <c r="L8" s="11">
        <v>0</v>
      </c>
      <c r="M8" s="11">
        <f t="shared" si="0"/>
        <v>312</v>
      </c>
      <c r="N8" s="48" t="s">
        <v>38</v>
      </c>
      <c r="O8" s="13"/>
    </row>
    <row r="9" spans="1:15" ht="39" customHeight="1" x14ac:dyDescent="0.2">
      <c r="A9" s="8" t="s">
        <v>39</v>
      </c>
      <c r="B9" s="9" t="s">
        <v>40</v>
      </c>
      <c r="C9" s="10" t="s">
        <v>41</v>
      </c>
      <c r="D9" s="9" t="s">
        <v>42</v>
      </c>
      <c r="E9" s="9" t="s">
        <v>256</v>
      </c>
      <c r="F9" s="9" t="s">
        <v>274</v>
      </c>
      <c r="G9" s="9" t="s">
        <v>43</v>
      </c>
      <c r="H9" s="11">
        <v>37</v>
      </c>
      <c r="I9" s="11">
        <v>34</v>
      </c>
      <c r="J9" s="11">
        <v>0</v>
      </c>
      <c r="K9" s="11">
        <v>0</v>
      </c>
      <c r="L9" s="11">
        <v>0</v>
      </c>
      <c r="M9" s="12">
        <f t="shared" si="0"/>
        <v>71</v>
      </c>
      <c r="N9" s="48" t="s">
        <v>32</v>
      </c>
      <c r="O9" s="13"/>
    </row>
    <row r="10" spans="1:15" ht="36" customHeight="1" x14ac:dyDescent="0.2">
      <c r="A10" s="8" t="s">
        <v>230</v>
      </c>
      <c r="B10" s="9" t="s">
        <v>44</v>
      </c>
      <c r="C10" s="10" t="s">
        <v>45</v>
      </c>
      <c r="D10" s="9" t="s">
        <v>231</v>
      </c>
      <c r="E10" s="9" t="s">
        <v>221</v>
      </c>
      <c r="F10" s="9" t="s">
        <v>46</v>
      </c>
      <c r="G10" s="9" t="s">
        <v>47</v>
      </c>
      <c r="H10" s="11">
        <v>0</v>
      </c>
      <c r="I10" s="11">
        <v>0</v>
      </c>
      <c r="J10" s="14">
        <v>205</v>
      </c>
      <c r="K10" s="11">
        <v>0</v>
      </c>
      <c r="L10" s="11">
        <v>0</v>
      </c>
      <c r="M10" s="12">
        <f t="shared" si="0"/>
        <v>205</v>
      </c>
      <c r="N10" s="9" t="s">
        <v>48</v>
      </c>
      <c r="O10" s="13"/>
    </row>
    <row r="11" spans="1:15" ht="57.9" customHeight="1" x14ac:dyDescent="0.2">
      <c r="A11" s="8" t="s">
        <v>49</v>
      </c>
      <c r="B11" s="9" t="s">
        <v>50</v>
      </c>
      <c r="C11" s="10" t="s">
        <v>51</v>
      </c>
      <c r="D11" s="9" t="s">
        <v>224</v>
      </c>
      <c r="E11" s="9" t="s">
        <v>309</v>
      </c>
      <c r="F11" s="9" t="s">
        <v>313</v>
      </c>
      <c r="G11" s="9" t="s">
        <v>52</v>
      </c>
      <c r="H11" s="11">
        <v>132</v>
      </c>
      <c r="I11" s="11">
        <v>0</v>
      </c>
      <c r="J11" s="11">
        <v>0</v>
      </c>
      <c r="K11" s="11">
        <v>0</v>
      </c>
      <c r="L11" s="11">
        <v>0</v>
      </c>
      <c r="M11" s="12">
        <f t="shared" si="0"/>
        <v>132</v>
      </c>
      <c r="N11" s="48" t="s">
        <v>53</v>
      </c>
      <c r="O11" s="51" t="s">
        <v>331</v>
      </c>
    </row>
    <row r="12" spans="1:15" ht="36" customHeight="1" x14ac:dyDescent="0.2">
      <c r="A12" s="8" t="s">
        <v>261</v>
      </c>
      <c r="B12" s="9" t="s">
        <v>329</v>
      </c>
      <c r="C12" s="10" t="s">
        <v>262</v>
      </c>
      <c r="D12" s="9" t="s">
        <v>232</v>
      </c>
      <c r="E12" s="9" t="s">
        <v>54</v>
      </c>
      <c r="F12" s="9" t="s">
        <v>236</v>
      </c>
      <c r="G12" s="9" t="s">
        <v>263</v>
      </c>
      <c r="H12" s="11">
        <v>0</v>
      </c>
      <c r="I12" s="11">
        <v>206</v>
      </c>
      <c r="J12" s="11">
        <v>0</v>
      </c>
      <c r="K12" s="11">
        <v>0</v>
      </c>
      <c r="L12" s="11">
        <v>0</v>
      </c>
      <c r="M12" s="12">
        <f t="shared" si="0"/>
        <v>206</v>
      </c>
      <c r="N12" s="48" t="s">
        <v>264</v>
      </c>
      <c r="O12" s="13"/>
    </row>
    <row r="13" spans="1:15" ht="93.9" customHeight="1" x14ac:dyDescent="0.2">
      <c r="A13" s="8" t="s">
        <v>55</v>
      </c>
      <c r="B13" s="9" t="s">
        <v>280</v>
      </c>
      <c r="C13" s="10" t="s">
        <v>56</v>
      </c>
      <c r="D13" s="9" t="s">
        <v>57</v>
      </c>
      <c r="E13" s="50" t="s">
        <v>336</v>
      </c>
      <c r="F13" s="9" t="s">
        <v>304</v>
      </c>
      <c r="G13" s="9" t="s">
        <v>273</v>
      </c>
      <c r="H13" s="14">
        <v>394</v>
      </c>
      <c r="I13" s="11">
        <v>0</v>
      </c>
      <c r="J13" s="11">
        <v>0</v>
      </c>
      <c r="K13" s="11">
        <v>0</v>
      </c>
      <c r="L13" s="11">
        <v>6</v>
      </c>
      <c r="M13" s="15">
        <f t="shared" ref="M13:M22" si="1">SUM(H13:L13)</f>
        <v>400</v>
      </c>
      <c r="N13" s="9" t="s">
        <v>265</v>
      </c>
      <c r="O13" s="13" t="s">
        <v>314</v>
      </c>
    </row>
    <row r="14" spans="1:15" ht="36" customHeight="1" x14ac:dyDescent="0.2">
      <c r="A14" s="8" t="s">
        <v>238</v>
      </c>
      <c r="B14" s="9" t="s">
        <v>58</v>
      </c>
      <c r="C14" s="10" t="s">
        <v>239</v>
      </c>
      <c r="D14" s="9" t="s">
        <v>59</v>
      </c>
      <c r="E14" s="9" t="s">
        <v>60</v>
      </c>
      <c r="F14" s="9" t="s">
        <v>61</v>
      </c>
      <c r="G14" s="9" t="s">
        <v>240</v>
      </c>
      <c r="H14" s="14">
        <v>0</v>
      </c>
      <c r="I14" s="11">
        <v>216</v>
      </c>
      <c r="J14" s="11">
        <v>256</v>
      </c>
      <c r="K14" s="11">
        <v>0</v>
      </c>
      <c r="L14" s="11">
        <v>0</v>
      </c>
      <c r="M14" s="15">
        <f t="shared" si="1"/>
        <v>472</v>
      </c>
      <c r="N14" s="9" t="s">
        <v>62</v>
      </c>
      <c r="O14" s="13"/>
    </row>
    <row r="15" spans="1:15" ht="43.65" customHeight="1" x14ac:dyDescent="0.2">
      <c r="A15" s="8" t="s">
        <v>241</v>
      </c>
      <c r="B15" s="9" t="s">
        <v>63</v>
      </c>
      <c r="C15" s="10" t="s">
        <v>242</v>
      </c>
      <c r="D15" s="9" t="s">
        <v>64</v>
      </c>
      <c r="E15" s="9" t="s">
        <v>303</v>
      </c>
      <c r="F15" s="9" t="s">
        <v>295</v>
      </c>
      <c r="G15" s="9" t="s">
        <v>65</v>
      </c>
      <c r="H15" s="14">
        <v>49</v>
      </c>
      <c r="I15" s="11">
        <v>50</v>
      </c>
      <c r="J15" s="11">
        <v>0</v>
      </c>
      <c r="K15" s="11">
        <v>0</v>
      </c>
      <c r="L15" s="11">
        <v>0</v>
      </c>
      <c r="M15" s="15">
        <f t="shared" si="1"/>
        <v>99</v>
      </c>
      <c r="N15" s="9" t="s">
        <v>266</v>
      </c>
      <c r="O15" s="13" t="s">
        <v>296</v>
      </c>
    </row>
    <row r="16" spans="1:15" ht="34.35" customHeight="1" x14ac:dyDescent="0.2">
      <c r="A16" s="8" t="s">
        <v>66</v>
      </c>
      <c r="B16" s="9" t="s">
        <v>67</v>
      </c>
      <c r="C16" s="10" t="s">
        <v>243</v>
      </c>
      <c r="D16" s="9" t="s">
        <v>219</v>
      </c>
      <c r="E16" s="9" t="s">
        <v>225</v>
      </c>
      <c r="F16" s="50" t="s">
        <v>342</v>
      </c>
      <c r="G16" s="9" t="s">
        <v>68</v>
      </c>
      <c r="H16" s="52">
        <v>199</v>
      </c>
      <c r="I16" s="11">
        <v>0</v>
      </c>
      <c r="J16" s="11">
        <v>0</v>
      </c>
      <c r="K16" s="11">
        <v>0</v>
      </c>
      <c r="L16" s="11">
        <v>0</v>
      </c>
      <c r="M16" s="15">
        <f t="shared" si="1"/>
        <v>199</v>
      </c>
      <c r="N16" s="9" t="s">
        <v>244</v>
      </c>
      <c r="O16" s="51" t="s">
        <v>335</v>
      </c>
    </row>
    <row r="17" spans="1:15" ht="36" customHeight="1" thickBot="1" x14ac:dyDescent="0.25">
      <c r="A17" s="16" t="s">
        <v>69</v>
      </c>
      <c r="B17" s="17" t="s">
        <v>70</v>
      </c>
      <c r="C17" s="18" t="s">
        <v>245</v>
      </c>
      <c r="D17" s="17" t="s">
        <v>71</v>
      </c>
      <c r="E17" s="17" t="s">
        <v>306</v>
      </c>
      <c r="F17" s="17" t="s">
        <v>286</v>
      </c>
      <c r="G17" s="17" t="s">
        <v>72</v>
      </c>
      <c r="H17" s="19">
        <v>0</v>
      </c>
      <c r="I17" s="19">
        <v>44</v>
      </c>
      <c r="J17" s="19">
        <v>0</v>
      </c>
      <c r="K17" s="19">
        <v>0</v>
      </c>
      <c r="L17" s="19">
        <v>0</v>
      </c>
      <c r="M17" s="20">
        <f t="shared" si="1"/>
        <v>44</v>
      </c>
      <c r="N17" s="49" t="s">
        <v>246</v>
      </c>
      <c r="O17" s="21"/>
    </row>
    <row r="18" spans="1:15" ht="9.6" customHeight="1" x14ac:dyDescent="0.2"/>
    <row r="19" spans="1:15" ht="9.6" customHeight="1" thickBot="1" x14ac:dyDescent="0.25"/>
    <row r="20" spans="1:15" ht="11.25" customHeight="1" x14ac:dyDescent="0.2">
      <c r="A20" s="81" t="s">
        <v>6</v>
      </c>
      <c r="B20" s="73" t="s">
        <v>7</v>
      </c>
      <c r="C20" s="73" t="s">
        <v>8</v>
      </c>
      <c r="D20" s="73" t="s">
        <v>9</v>
      </c>
      <c r="E20" s="73" t="s">
        <v>10</v>
      </c>
      <c r="F20" s="73" t="s">
        <v>11</v>
      </c>
      <c r="G20" s="73" t="s">
        <v>4</v>
      </c>
      <c r="H20" s="72" t="s">
        <v>12</v>
      </c>
      <c r="I20" s="79"/>
      <c r="J20" s="79"/>
      <c r="K20" s="79"/>
      <c r="L20" s="79"/>
      <c r="M20" s="80"/>
      <c r="N20" s="73" t="s">
        <v>13</v>
      </c>
      <c r="O20" s="3" t="s">
        <v>14</v>
      </c>
    </row>
    <row r="21" spans="1:15" ht="11.25" customHeight="1" x14ac:dyDescent="0.2">
      <c r="A21" s="82"/>
      <c r="B21" s="74"/>
      <c r="C21" s="74"/>
      <c r="D21" s="74"/>
      <c r="E21" s="74"/>
      <c r="F21" s="74"/>
      <c r="G21" s="74"/>
      <c r="H21" s="47" t="s">
        <v>15</v>
      </c>
      <c r="I21" s="47" t="s">
        <v>16</v>
      </c>
      <c r="J21" s="47" t="s">
        <v>17</v>
      </c>
      <c r="K21" s="47" t="s">
        <v>18</v>
      </c>
      <c r="L21" s="5" t="s">
        <v>19</v>
      </c>
      <c r="M21" s="47" t="s">
        <v>20</v>
      </c>
      <c r="N21" s="74"/>
      <c r="O21" s="7" t="s">
        <v>21</v>
      </c>
    </row>
    <row r="22" spans="1:15" ht="36" customHeight="1" x14ac:dyDescent="0.2">
      <c r="A22" s="8" t="s">
        <v>218</v>
      </c>
      <c r="B22" s="9" t="s">
        <v>330</v>
      </c>
      <c r="C22" s="10" t="s">
        <v>247</v>
      </c>
      <c r="D22" s="9" t="s">
        <v>73</v>
      </c>
      <c r="E22" s="9" t="s">
        <v>308</v>
      </c>
      <c r="F22" s="50" t="s">
        <v>344</v>
      </c>
      <c r="G22" s="9" t="s">
        <v>74</v>
      </c>
      <c r="H22" s="11">
        <v>60</v>
      </c>
      <c r="I22" s="11">
        <v>24</v>
      </c>
      <c r="J22" s="11">
        <v>0</v>
      </c>
      <c r="K22" s="11">
        <v>0</v>
      </c>
      <c r="L22" s="11">
        <v>0</v>
      </c>
      <c r="M22" s="12">
        <f t="shared" si="1"/>
        <v>84</v>
      </c>
      <c r="N22" s="48" t="s">
        <v>75</v>
      </c>
      <c r="O22" s="13" t="s">
        <v>315</v>
      </c>
    </row>
    <row r="23" spans="1:15" ht="39.9" customHeight="1" x14ac:dyDescent="0.2">
      <c r="A23" s="22" t="s">
        <v>76</v>
      </c>
      <c r="B23" s="54" t="s">
        <v>347</v>
      </c>
      <c r="C23" s="53" t="s">
        <v>346</v>
      </c>
      <c r="D23" s="23" t="s">
        <v>77</v>
      </c>
      <c r="E23" s="23" t="s">
        <v>78</v>
      </c>
      <c r="F23" s="54" t="s">
        <v>345</v>
      </c>
      <c r="G23" s="23" t="s">
        <v>79</v>
      </c>
      <c r="H23" s="55">
        <v>0</v>
      </c>
      <c r="I23" s="55">
        <v>140</v>
      </c>
      <c r="J23" s="25">
        <v>0</v>
      </c>
      <c r="K23" s="25">
        <v>0</v>
      </c>
      <c r="L23" s="25">
        <v>0</v>
      </c>
      <c r="M23" s="25">
        <f t="shared" ref="M23:M31" si="2">SUM(H23:L23)</f>
        <v>140</v>
      </c>
      <c r="N23" s="50" t="s">
        <v>348</v>
      </c>
      <c r="O23" s="26" t="s">
        <v>80</v>
      </c>
    </row>
    <row r="24" spans="1:15" ht="36" customHeight="1" x14ac:dyDescent="0.2">
      <c r="A24" s="8" t="s">
        <v>81</v>
      </c>
      <c r="B24" s="9" t="s">
        <v>320</v>
      </c>
      <c r="C24" s="10" t="s">
        <v>82</v>
      </c>
      <c r="D24" s="9" t="s">
        <v>83</v>
      </c>
      <c r="E24" s="9" t="s">
        <v>277</v>
      </c>
      <c r="F24" s="9" t="s">
        <v>282</v>
      </c>
      <c r="G24" s="9" t="s">
        <v>84</v>
      </c>
      <c r="H24" s="11">
        <v>0</v>
      </c>
      <c r="I24" s="56">
        <v>50</v>
      </c>
      <c r="J24" s="11">
        <v>0</v>
      </c>
      <c r="K24" s="11">
        <v>0</v>
      </c>
      <c r="L24" s="11">
        <v>0</v>
      </c>
      <c r="M24" s="11">
        <f t="shared" si="2"/>
        <v>50</v>
      </c>
      <c r="N24" s="48" t="s">
        <v>85</v>
      </c>
      <c r="O24" s="13"/>
    </row>
    <row r="25" spans="1:15" ht="60" customHeight="1" x14ac:dyDescent="0.2">
      <c r="A25" s="8" t="s">
        <v>86</v>
      </c>
      <c r="B25" s="9" t="s">
        <v>321</v>
      </c>
      <c r="C25" s="10" t="s">
        <v>87</v>
      </c>
      <c r="D25" s="9" t="s">
        <v>88</v>
      </c>
      <c r="E25" s="50" t="s">
        <v>338</v>
      </c>
      <c r="F25" s="50" t="s">
        <v>339</v>
      </c>
      <c r="G25" s="9" t="s">
        <v>89</v>
      </c>
      <c r="H25" s="11">
        <v>157</v>
      </c>
      <c r="I25" s="11">
        <v>0</v>
      </c>
      <c r="J25" s="11">
        <v>0</v>
      </c>
      <c r="K25" s="11">
        <v>0</v>
      </c>
      <c r="L25" s="11">
        <v>0</v>
      </c>
      <c r="M25" s="11">
        <f t="shared" si="2"/>
        <v>157</v>
      </c>
      <c r="N25" s="48" t="s">
        <v>90</v>
      </c>
      <c r="O25" s="13" t="s">
        <v>316</v>
      </c>
    </row>
    <row r="26" spans="1:15" ht="60" customHeight="1" x14ac:dyDescent="0.2">
      <c r="A26" s="8" t="s">
        <v>217</v>
      </c>
      <c r="B26" s="9" t="s">
        <v>322</v>
      </c>
      <c r="C26" s="10" t="s">
        <v>91</v>
      </c>
      <c r="D26" s="9" t="s">
        <v>92</v>
      </c>
      <c r="E26" s="9" t="s">
        <v>288</v>
      </c>
      <c r="F26" s="9" t="s">
        <v>237</v>
      </c>
      <c r="G26" s="9" t="s">
        <v>93</v>
      </c>
      <c r="H26" s="14">
        <v>212</v>
      </c>
      <c r="I26" s="11">
        <v>0</v>
      </c>
      <c r="J26" s="11">
        <v>0</v>
      </c>
      <c r="K26" s="11">
        <v>0</v>
      </c>
      <c r="L26" s="11">
        <v>0</v>
      </c>
      <c r="M26" s="11">
        <f t="shared" si="2"/>
        <v>212</v>
      </c>
      <c r="N26" s="48" t="s">
        <v>94</v>
      </c>
      <c r="O26" s="51" t="s">
        <v>331</v>
      </c>
    </row>
    <row r="27" spans="1:15" ht="48" customHeight="1" x14ac:dyDescent="0.2">
      <c r="A27" s="8" t="s">
        <v>95</v>
      </c>
      <c r="B27" s="9" t="s">
        <v>323</v>
      </c>
      <c r="C27" s="10" t="s">
        <v>91</v>
      </c>
      <c r="D27" s="9" t="s">
        <v>96</v>
      </c>
      <c r="E27" s="9" t="s">
        <v>226</v>
      </c>
      <c r="F27" s="50" t="s">
        <v>340</v>
      </c>
      <c r="G27" s="9" t="s">
        <v>97</v>
      </c>
      <c r="H27" s="56">
        <v>181</v>
      </c>
      <c r="I27" s="11">
        <v>0</v>
      </c>
      <c r="J27" s="11">
        <v>0</v>
      </c>
      <c r="K27" s="11">
        <v>0</v>
      </c>
      <c r="L27" s="11">
        <v>0</v>
      </c>
      <c r="M27" s="11">
        <f t="shared" si="2"/>
        <v>181</v>
      </c>
      <c r="N27" s="48" t="s">
        <v>98</v>
      </c>
      <c r="O27" s="13" t="s">
        <v>297</v>
      </c>
    </row>
    <row r="28" spans="1:15" ht="36" customHeight="1" x14ac:dyDescent="0.2">
      <c r="A28" s="8" t="s">
        <v>100</v>
      </c>
      <c r="B28" s="9" t="s">
        <v>101</v>
      </c>
      <c r="C28" s="10" t="s">
        <v>102</v>
      </c>
      <c r="D28" s="9" t="s">
        <v>103</v>
      </c>
      <c r="E28" s="50" t="s">
        <v>337</v>
      </c>
      <c r="F28" s="9" t="s">
        <v>236</v>
      </c>
      <c r="G28" s="9" t="s">
        <v>104</v>
      </c>
      <c r="H28" s="11">
        <v>0</v>
      </c>
      <c r="I28" s="11">
        <v>160</v>
      </c>
      <c r="J28" s="11">
        <v>0</v>
      </c>
      <c r="K28" s="11">
        <v>0</v>
      </c>
      <c r="L28" s="11">
        <v>0</v>
      </c>
      <c r="M28" s="11">
        <f t="shared" si="2"/>
        <v>160</v>
      </c>
      <c r="N28" s="9" t="s">
        <v>105</v>
      </c>
      <c r="O28" s="13"/>
    </row>
    <row r="29" spans="1:15" ht="36" customHeight="1" x14ac:dyDescent="0.2">
      <c r="A29" s="8" t="s">
        <v>106</v>
      </c>
      <c r="B29" s="9" t="s">
        <v>107</v>
      </c>
      <c r="C29" s="10" t="s">
        <v>248</v>
      </c>
      <c r="D29" s="9" t="s">
        <v>108</v>
      </c>
      <c r="E29" s="9" t="s">
        <v>109</v>
      </c>
      <c r="F29" s="50" t="s">
        <v>341</v>
      </c>
      <c r="G29" s="9" t="s">
        <v>110</v>
      </c>
      <c r="H29" s="11">
        <v>33</v>
      </c>
      <c r="I29" s="11">
        <v>39</v>
      </c>
      <c r="J29" s="11">
        <v>0</v>
      </c>
      <c r="K29" s="11">
        <v>0</v>
      </c>
      <c r="L29" s="11">
        <v>0</v>
      </c>
      <c r="M29" s="11">
        <f t="shared" si="2"/>
        <v>72</v>
      </c>
      <c r="N29" s="9" t="s">
        <v>249</v>
      </c>
      <c r="O29" s="51" t="s">
        <v>331</v>
      </c>
    </row>
    <row r="30" spans="1:15" ht="36" customHeight="1" x14ac:dyDescent="0.2">
      <c r="A30" s="8" t="s">
        <v>111</v>
      </c>
      <c r="B30" s="9" t="s">
        <v>112</v>
      </c>
      <c r="C30" s="10" t="s">
        <v>248</v>
      </c>
      <c r="D30" s="9" t="s">
        <v>267</v>
      </c>
      <c r="E30" s="9" t="s">
        <v>267</v>
      </c>
      <c r="F30" s="9" t="s">
        <v>113</v>
      </c>
      <c r="G30" s="9" t="s">
        <v>114</v>
      </c>
      <c r="H30" s="11">
        <v>0</v>
      </c>
      <c r="I30" s="11">
        <v>402</v>
      </c>
      <c r="J30" s="11">
        <v>0</v>
      </c>
      <c r="K30" s="11">
        <v>0</v>
      </c>
      <c r="L30" s="11">
        <v>0</v>
      </c>
      <c r="M30" s="11">
        <f t="shared" si="2"/>
        <v>402</v>
      </c>
      <c r="N30" s="9" t="s">
        <v>268</v>
      </c>
      <c r="O30" s="13"/>
    </row>
    <row r="31" spans="1:15" ht="36" customHeight="1" x14ac:dyDescent="0.2">
      <c r="A31" s="8" t="s">
        <v>115</v>
      </c>
      <c r="B31" s="9" t="s">
        <v>116</v>
      </c>
      <c r="C31" s="10" t="s">
        <v>250</v>
      </c>
      <c r="D31" s="9" t="s">
        <v>117</v>
      </c>
      <c r="E31" s="9" t="s">
        <v>269</v>
      </c>
      <c r="F31" s="9" t="s">
        <v>118</v>
      </c>
      <c r="G31" s="9" t="s">
        <v>119</v>
      </c>
      <c r="H31" s="11">
        <v>0</v>
      </c>
      <c r="I31" s="11">
        <v>227</v>
      </c>
      <c r="J31" s="56">
        <v>82</v>
      </c>
      <c r="K31" s="11">
        <v>0</v>
      </c>
      <c r="L31" s="11">
        <v>0</v>
      </c>
      <c r="M31" s="11">
        <f t="shared" si="2"/>
        <v>309</v>
      </c>
      <c r="N31" s="48" t="s">
        <v>120</v>
      </c>
      <c r="O31" s="13"/>
    </row>
    <row r="32" spans="1:15" ht="77.25" customHeight="1" thickBot="1" x14ac:dyDescent="0.25">
      <c r="A32" s="16" t="s">
        <v>291</v>
      </c>
      <c r="B32" s="17" t="s">
        <v>121</v>
      </c>
      <c r="C32" s="18" t="s">
        <v>251</v>
      </c>
      <c r="D32" s="17" t="s">
        <v>292</v>
      </c>
      <c r="E32" s="17" t="s">
        <v>270</v>
      </c>
      <c r="F32" s="17" t="s">
        <v>300</v>
      </c>
      <c r="G32" s="17" t="s">
        <v>122</v>
      </c>
      <c r="H32" s="19">
        <v>199</v>
      </c>
      <c r="I32" s="19">
        <v>0</v>
      </c>
      <c r="J32" s="19">
        <v>0</v>
      </c>
      <c r="K32" s="19">
        <v>0</v>
      </c>
      <c r="L32" s="19">
        <v>0</v>
      </c>
      <c r="M32" s="19">
        <v>199</v>
      </c>
      <c r="N32" s="49" t="s">
        <v>299</v>
      </c>
      <c r="O32" s="21" t="s">
        <v>293</v>
      </c>
    </row>
    <row r="33" spans="1:17" ht="6.9" customHeight="1" x14ac:dyDescent="0.2"/>
    <row r="34" spans="1:17" s="4" customFormat="1" ht="6.9" customHeight="1" thickBot="1" x14ac:dyDescent="0.25">
      <c r="A34" s="27"/>
      <c r="B34" s="27"/>
      <c r="C34" s="28"/>
      <c r="D34" s="27"/>
      <c r="E34" s="27"/>
      <c r="F34" s="27"/>
      <c r="G34" s="27"/>
      <c r="H34" s="29"/>
      <c r="I34" s="29"/>
      <c r="J34" s="29"/>
      <c r="K34" s="29"/>
      <c r="L34" s="29"/>
      <c r="M34" s="29"/>
      <c r="N34" s="30"/>
      <c r="O34" s="27"/>
    </row>
    <row r="35" spans="1:17" s="4" customFormat="1" x14ac:dyDescent="0.2">
      <c r="A35" s="81" t="s">
        <v>6</v>
      </c>
      <c r="B35" s="73" t="s">
        <v>7</v>
      </c>
      <c r="C35" s="73" t="s">
        <v>8</v>
      </c>
      <c r="D35" s="73" t="s">
        <v>9</v>
      </c>
      <c r="E35" s="73" t="s">
        <v>10</v>
      </c>
      <c r="F35" s="73" t="s">
        <v>11</v>
      </c>
      <c r="G35" s="73" t="s">
        <v>4</v>
      </c>
      <c r="H35" s="72" t="s">
        <v>12</v>
      </c>
      <c r="I35" s="79"/>
      <c r="J35" s="79"/>
      <c r="K35" s="79"/>
      <c r="L35" s="79"/>
      <c r="M35" s="80"/>
      <c r="N35" s="73" t="s">
        <v>13</v>
      </c>
      <c r="O35" s="3" t="s">
        <v>14</v>
      </c>
    </row>
    <row r="36" spans="1:17" ht="11.25" customHeight="1" x14ac:dyDescent="0.2">
      <c r="A36" s="82"/>
      <c r="B36" s="74"/>
      <c r="C36" s="74"/>
      <c r="D36" s="74"/>
      <c r="E36" s="74"/>
      <c r="F36" s="74"/>
      <c r="G36" s="74"/>
      <c r="H36" s="47" t="s">
        <v>15</v>
      </c>
      <c r="I36" s="47" t="s">
        <v>16</v>
      </c>
      <c r="J36" s="47" t="s">
        <v>17</v>
      </c>
      <c r="K36" s="47" t="s">
        <v>18</v>
      </c>
      <c r="L36" s="5" t="s">
        <v>19</v>
      </c>
      <c r="M36" s="47" t="s">
        <v>20</v>
      </c>
      <c r="N36" s="74"/>
      <c r="O36" s="7" t="s">
        <v>21</v>
      </c>
      <c r="Q36" s="31"/>
    </row>
    <row r="37" spans="1:17" ht="110.1" customHeight="1" x14ac:dyDescent="0.2">
      <c r="A37" s="8" t="s">
        <v>123</v>
      </c>
      <c r="B37" s="9" t="s">
        <v>124</v>
      </c>
      <c r="C37" s="10" t="s">
        <v>125</v>
      </c>
      <c r="D37" s="9" t="s">
        <v>99</v>
      </c>
      <c r="E37" s="9" t="s">
        <v>302</v>
      </c>
      <c r="F37" s="9" t="s">
        <v>301</v>
      </c>
      <c r="G37" s="9" t="s">
        <v>126</v>
      </c>
      <c r="H37" s="56">
        <v>1083</v>
      </c>
      <c r="I37" s="11">
        <v>0</v>
      </c>
      <c r="J37" s="11">
        <v>42</v>
      </c>
      <c r="K37" s="11">
        <v>0</v>
      </c>
      <c r="L37" s="11">
        <v>0</v>
      </c>
      <c r="M37" s="11">
        <f t="shared" ref="M37:M43" si="3">SUM(H37:L37)</f>
        <v>1125</v>
      </c>
      <c r="N37" s="9" t="s">
        <v>127</v>
      </c>
      <c r="O37" s="13" t="s">
        <v>223</v>
      </c>
    </row>
    <row r="38" spans="1:17" ht="36" customHeight="1" x14ac:dyDescent="0.2">
      <c r="A38" s="8" t="s">
        <v>128</v>
      </c>
      <c r="B38" s="9" t="s">
        <v>324</v>
      </c>
      <c r="C38" s="10" t="s">
        <v>271</v>
      </c>
      <c r="D38" s="9" t="s">
        <v>129</v>
      </c>
      <c r="E38" s="9" t="s">
        <v>129</v>
      </c>
      <c r="F38" s="9" t="s">
        <v>227</v>
      </c>
      <c r="G38" s="9" t="s">
        <v>130</v>
      </c>
      <c r="H38" s="11">
        <v>25</v>
      </c>
      <c r="I38" s="11">
        <v>0</v>
      </c>
      <c r="J38" s="11">
        <v>0</v>
      </c>
      <c r="K38" s="11">
        <v>0</v>
      </c>
      <c r="L38" s="11">
        <v>0</v>
      </c>
      <c r="M38" s="11">
        <f t="shared" si="3"/>
        <v>25</v>
      </c>
      <c r="N38" s="48" t="s">
        <v>131</v>
      </c>
      <c r="O38" s="13"/>
    </row>
    <row r="39" spans="1:17" ht="36" customHeight="1" x14ac:dyDescent="0.2">
      <c r="A39" s="8" t="s">
        <v>319</v>
      </c>
      <c r="B39" s="9" t="s">
        <v>325</v>
      </c>
      <c r="C39" s="10" t="s">
        <v>132</v>
      </c>
      <c r="D39" s="9" t="s">
        <v>310</v>
      </c>
      <c r="E39" s="9" t="s">
        <v>222</v>
      </c>
      <c r="F39" s="9" t="s">
        <v>305</v>
      </c>
      <c r="G39" s="9" t="s">
        <v>133</v>
      </c>
      <c r="H39" s="11">
        <v>0</v>
      </c>
      <c r="I39" s="56">
        <v>173</v>
      </c>
      <c r="J39" s="11">
        <v>0</v>
      </c>
      <c r="K39" s="11">
        <v>0</v>
      </c>
      <c r="L39" s="11">
        <v>0</v>
      </c>
      <c r="M39" s="11">
        <f t="shared" si="3"/>
        <v>173</v>
      </c>
      <c r="N39" s="48" t="s">
        <v>134</v>
      </c>
      <c r="O39" s="13"/>
    </row>
    <row r="40" spans="1:17" ht="69.900000000000006" customHeight="1" x14ac:dyDescent="0.2">
      <c r="A40" s="8" t="s">
        <v>284</v>
      </c>
      <c r="B40" s="9" t="s">
        <v>135</v>
      </c>
      <c r="C40" s="10" t="s">
        <v>136</v>
      </c>
      <c r="D40" s="9" t="s">
        <v>137</v>
      </c>
      <c r="E40" s="9" t="s">
        <v>283</v>
      </c>
      <c r="F40" s="9" t="s">
        <v>317</v>
      </c>
      <c r="G40" s="9" t="s">
        <v>138</v>
      </c>
      <c r="H40" s="11">
        <v>458</v>
      </c>
      <c r="I40" s="11">
        <v>0</v>
      </c>
      <c r="J40" s="14">
        <v>0</v>
      </c>
      <c r="K40" s="11">
        <v>0</v>
      </c>
      <c r="L40" s="11">
        <v>0</v>
      </c>
      <c r="M40" s="11">
        <f t="shared" si="3"/>
        <v>458</v>
      </c>
      <c r="N40" s="9" t="s">
        <v>139</v>
      </c>
      <c r="O40" s="51" t="s">
        <v>332</v>
      </c>
    </row>
    <row r="41" spans="1:17" ht="36" customHeight="1" x14ac:dyDescent="0.2">
      <c r="A41" s="8" t="s">
        <v>140</v>
      </c>
      <c r="B41" s="9" t="s">
        <v>141</v>
      </c>
      <c r="C41" s="10" t="s">
        <v>142</v>
      </c>
      <c r="D41" s="9" t="s">
        <v>143</v>
      </c>
      <c r="E41" s="9" t="s">
        <v>257</v>
      </c>
      <c r="F41" s="9" t="s">
        <v>144</v>
      </c>
      <c r="G41" s="9" t="s">
        <v>145</v>
      </c>
      <c r="H41" s="11">
        <v>0</v>
      </c>
      <c r="I41" s="11">
        <v>0</v>
      </c>
      <c r="J41" s="11">
        <v>200</v>
      </c>
      <c r="K41" s="11">
        <v>0</v>
      </c>
      <c r="L41" s="11">
        <v>0</v>
      </c>
      <c r="M41" s="11">
        <f t="shared" si="3"/>
        <v>200</v>
      </c>
      <c r="N41" s="9" t="s">
        <v>146</v>
      </c>
      <c r="O41" s="13"/>
    </row>
    <row r="42" spans="1:17" ht="36" customHeight="1" x14ac:dyDescent="0.2">
      <c r="A42" s="8" t="s">
        <v>147</v>
      </c>
      <c r="B42" s="9" t="s">
        <v>148</v>
      </c>
      <c r="C42" s="10" t="s">
        <v>149</v>
      </c>
      <c r="D42" s="9" t="s">
        <v>150</v>
      </c>
      <c r="E42" s="9" t="s">
        <v>151</v>
      </c>
      <c r="F42" s="50" t="s">
        <v>343</v>
      </c>
      <c r="G42" s="9" t="s">
        <v>152</v>
      </c>
      <c r="H42" s="11">
        <v>0</v>
      </c>
      <c r="I42" s="11">
        <v>122</v>
      </c>
      <c r="J42" s="11">
        <v>0</v>
      </c>
      <c r="K42" s="11">
        <v>0</v>
      </c>
      <c r="L42" s="11">
        <v>0</v>
      </c>
      <c r="M42" s="11">
        <f t="shared" si="3"/>
        <v>122</v>
      </c>
      <c r="N42" s="48" t="s">
        <v>233</v>
      </c>
      <c r="O42" s="13"/>
    </row>
    <row r="43" spans="1:17" ht="39" customHeight="1" x14ac:dyDescent="0.2">
      <c r="A43" s="8" t="s">
        <v>153</v>
      </c>
      <c r="B43" s="9" t="s">
        <v>154</v>
      </c>
      <c r="C43" s="10" t="s">
        <v>155</v>
      </c>
      <c r="D43" s="9" t="s">
        <v>156</v>
      </c>
      <c r="E43" s="9" t="s">
        <v>258</v>
      </c>
      <c r="F43" s="9" t="s">
        <v>228</v>
      </c>
      <c r="G43" s="9" t="s">
        <v>157</v>
      </c>
      <c r="H43" s="56">
        <v>45</v>
      </c>
      <c r="I43" s="11">
        <v>41</v>
      </c>
      <c r="J43" s="11">
        <v>0</v>
      </c>
      <c r="K43" s="11">
        <v>0</v>
      </c>
      <c r="L43" s="11">
        <v>0</v>
      </c>
      <c r="M43" s="11">
        <f t="shared" si="3"/>
        <v>86</v>
      </c>
      <c r="N43" s="9" t="s">
        <v>234</v>
      </c>
      <c r="O43" s="13" t="s">
        <v>298</v>
      </c>
    </row>
    <row r="44" spans="1:17" ht="33.9" customHeight="1" x14ac:dyDescent="0.2">
      <c r="A44" s="32" t="s">
        <v>252</v>
      </c>
      <c r="B44" s="33" t="s">
        <v>158</v>
      </c>
      <c r="C44" s="34" t="s">
        <v>253</v>
      </c>
      <c r="D44" s="33" t="s">
        <v>159</v>
      </c>
      <c r="E44" s="33" t="s">
        <v>285</v>
      </c>
      <c r="F44" s="33" t="s">
        <v>281</v>
      </c>
      <c r="G44" s="33" t="s">
        <v>160</v>
      </c>
      <c r="H44" s="35">
        <v>51</v>
      </c>
      <c r="I44" s="35">
        <v>0</v>
      </c>
      <c r="J44" s="35">
        <v>0</v>
      </c>
      <c r="K44" s="35">
        <v>0</v>
      </c>
      <c r="L44" s="35">
        <v>0</v>
      </c>
      <c r="M44" s="35">
        <v>51</v>
      </c>
      <c r="N44" s="33" t="s">
        <v>161</v>
      </c>
      <c r="O44" s="36" t="s">
        <v>318</v>
      </c>
    </row>
    <row r="45" spans="1:17" ht="36" customHeight="1" x14ac:dyDescent="0.2">
      <c r="A45" s="32" t="s">
        <v>162</v>
      </c>
      <c r="B45" s="33" t="s">
        <v>163</v>
      </c>
      <c r="C45" s="34" t="s">
        <v>254</v>
      </c>
      <c r="D45" s="33" t="s">
        <v>255</v>
      </c>
      <c r="E45" s="33" t="s">
        <v>235</v>
      </c>
      <c r="F45" s="33" t="s">
        <v>165</v>
      </c>
      <c r="G45" s="33" t="s">
        <v>166</v>
      </c>
      <c r="H45" s="35">
        <v>0</v>
      </c>
      <c r="I45" s="35">
        <v>0</v>
      </c>
      <c r="J45" s="35">
        <v>173</v>
      </c>
      <c r="K45" s="35">
        <v>0</v>
      </c>
      <c r="L45" s="35">
        <v>0</v>
      </c>
      <c r="M45" s="35">
        <v>173</v>
      </c>
      <c r="N45" s="33" t="s">
        <v>167</v>
      </c>
      <c r="O45" s="36"/>
    </row>
    <row r="46" spans="1:17" ht="36" customHeight="1" x14ac:dyDescent="0.2">
      <c r="A46" s="32" t="s">
        <v>168</v>
      </c>
      <c r="B46" s="33" t="s">
        <v>169</v>
      </c>
      <c r="C46" s="34" t="s">
        <v>164</v>
      </c>
      <c r="D46" s="33" t="s">
        <v>170</v>
      </c>
      <c r="E46" s="33" t="s">
        <v>171</v>
      </c>
      <c r="F46" s="33" t="s">
        <v>172</v>
      </c>
      <c r="G46" s="33" t="s">
        <v>173</v>
      </c>
      <c r="H46" s="35">
        <v>60</v>
      </c>
      <c r="I46" s="35">
        <v>0</v>
      </c>
      <c r="J46" s="35">
        <v>0</v>
      </c>
      <c r="K46" s="35">
        <v>0</v>
      </c>
      <c r="L46" s="35">
        <v>0</v>
      </c>
      <c r="M46" s="35">
        <f t="shared" ref="M46:M47" si="4">SUM(H46:L46)</f>
        <v>60</v>
      </c>
      <c r="N46" s="37" t="s">
        <v>174</v>
      </c>
      <c r="O46" s="36" t="s">
        <v>175</v>
      </c>
    </row>
    <row r="47" spans="1:17" ht="36" customHeight="1" thickBot="1" x14ac:dyDescent="0.25">
      <c r="A47" s="16" t="s">
        <v>176</v>
      </c>
      <c r="B47" s="17" t="s">
        <v>177</v>
      </c>
      <c r="C47" s="18" t="s">
        <v>178</v>
      </c>
      <c r="D47" s="17" t="s">
        <v>220</v>
      </c>
      <c r="E47" s="17" t="s">
        <v>259</v>
      </c>
      <c r="F47" s="17" t="s">
        <v>272</v>
      </c>
      <c r="G47" s="17" t="s">
        <v>179</v>
      </c>
      <c r="H47" s="19">
        <v>50</v>
      </c>
      <c r="I47" s="19">
        <v>0</v>
      </c>
      <c r="J47" s="19">
        <v>0</v>
      </c>
      <c r="K47" s="19">
        <v>0</v>
      </c>
      <c r="L47" s="19">
        <v>0</v>
      </c>
      <c r="M47" s="19">
        <f t="shared" si="4"/>
        <v>50</v>
      </c>
      <c r="N47" s="49" t="s">
        <v>180</v>
      </c>
      <c r="O47" s="21" t="s">
        <v>175</v>
      </c>
    </row>
    <row r="48" spans="1:17" ht="8.1" customHeight="1" x14ac:dyDescent="0.2">
      <c r="A48" s="27"/>
      <c r="B48" s="27"/>
      <c r="C48" s="28"/>
      <c r="D48" s="27"/>
      <c r="E48" s="27"/>
      <c r="F48" s="27"/>
      <c r="G48" s="27"/>
      <c r="H48" s="29"/>
      <c r="I48" s="29"/>
      <c r="J48" s="29"/>
      <c r="K48" s="29"/>
      <c r="L48" s="29"/>
      <c r="M48" s="29"/>
      <c r="N48" s="30"/>
      <c r="O48" s="27"/>
    </row>
    <row r="49" spans="1:15" s="4" customFormat="1" ht="8.1" customHeight="1" thickBot="1" x14ac:dyDescent="0.25">
      <c r="A49" s="38"/>
      <c r="B49" s="38"/>
      <c r="C49" s="39"/>
      <c r="D49" s="38"/>
      <c r="E49" s="38"/>
      <c r="F49" s="38"/>
      <c r="G49" s="38"/>
      <c r="H49" s="40"/>
      <c r="I49" s="40"/>
      <c r="J49" s="40"/>
      <c r="K49" s="40"/>
      <c r="L49" s="40"/>
      <c r="M49" s="40"/>
      <c r="N49" s="41"/>
      <c r="O49" s="38"/>
    </row>
    <row r="50" spans="1:15" s="4" customFormat="1" x14ac:dyDescent="0.2">
      <c r="A50" s="81" t="s">
        <v>6</v>
      </c>
      <c r="B50" s="73" t="s">
        <v>7</v>
      </c>
      <c r="C50" s="73" t="s">
        <v>8</v>
      </c>
      <c r="D50" s="73" t="s">
        <v>9</v>
      </c>
      <c r="E50" s="73" t="s">
        <v>10</v>
      </c>
      <c r="F50" s="73" t="s">
        <v>11</v>
      </c>
      <c r="G50" s="73" t="s">
        <v>4</v>
      </c>
      <c r="H50" s="72" t="s">
        <v>12</v>
      </c>
      <c r="I50" s="79"/>
      <c r="J50" s="79"/>
      <c r="K50" s="79"/>
      <c r="L50" s="79"/>
      <c r="M50" s="80"/>
      <c r="N50" s="73" t="s">
        <v>13</v>
      </c>
      <c r="O50" s="3" t="s">
        <v>14</v>
      </c>
    </row>
    <row r="51" spans="1:15" ht="11.25" customHeight="1" x14ac:dyDescent="0.2">
      <c r="A51" s="82"/>
      <c r="B51" s="74"/>
      <c r="C51" s="74"/>
      <c r="D51" s="74"/>
      <c r="E51" s="74"/>
      <c r="F51" s="74"/>
      <c r="G51" s="74"/>
      <c r="H51" s="47" t="s">
        <v>15</v>
      </c>
      <c r="I51" s="47" t="s">
        <v>16</v>
      </c>
      <c r="J51" s="47" t="s">
        <v>17</v>
      </c>
      <c r="K51" s="47" t="s">
        <v>18</v>
      </c>
      <c r="L51" s="5" t="s">
        <v>19</v>
      </c>
      <c r="M51" s="6" t="s">
        <v>20</v>
      </c>
      <c r="N51" s="74"/>
      <c r="O51" s="7" t="s">
        <v>21</v>
      </c>
    </row>
    <row r="52" spans="1:15" ht="26.1" customHeight="1" x14ac:dyDescent="0.2">
      <c r="A52" s="77" t="s">
        <v>278</v>
      </c>
      <c r="B52" s="78"/>
      <c r="C52" s="10"/>
      <c r="D52" s="9"/>
      <c r="E52" s="9"/>
      <c r="F52" s="9"/>
      <c r="G52" s="9"/>
      <c r="H52" s="11"/>
      <c r="I52" s="11"/>
      <c r="J52" s="11"/>
      <c r="K52" s="11"/>
      <c r="L52" s="11"/>
      <c r="M52" s="12"/>
      <c r="N52" s="48"/>
      <c r="O52" s="13"/>
    </row>
    <row r="53" spans="1:15" ht="39.9" customHeight="1" x14ac:dyDescent="0.2">
      <c r="A53" s="22" t="s">
        <v>181</v>
      </c>
      <c r="B53" s="23" t="s">
        <v>327</v>
      </c>
      <c r="C53" s="24" t="s">
        <v>182</v>
      </c>
      <c r="D53" s="42" t="s">
        <v>183</v>
      </c>
      <c r="E53" s="23" t="s">
        <v>311</v>
      </c>
      <c r="F53" s="23" t="s">
        <v>312</v>
      </c>
      <c r="G53" s="23" t="s">
        <v>184</v>
      </c>
      <c r="H53" s="25">
        <v>0</v>
      </c>
      <c r="I53" s="25">
        <v>19</v>
      </c>
      <c r="J53" s="25">
        <v>0</v>
      </c>
      <c r="K53" s="25">
        <v>0</v>
      </c>
      <c r="L53" s="25">
        <v>0</v>
      </c>
      <c r="M53" s="43">
        <v>19</v>
      </c>
      <c r="N53" s="44" t="s">
        <v>279</v>
      </c>
      <c r="O53" s="26"/>
    </row>
    <row r="54" spans="1:15" ht="29.4" customHeight="1" x14ac:dyDescent="0.2">
      <c r="A54" s="45"/>
      <c r="B54" s="23"/>
      <c r="C54" s="24"/>
      <c r="D54" s="23"/>
      <c r="E54" s="23"/>
      <c r="F54" s="23"/>
      <c r="G54" s="23"/>
      <c r="H54" s="25"/>
      <c r="I54" s="25"/>
      <c r="J54" s="25"/>
      <c r="K54" s="25"/>
      <c r="L54" s="25"/>
      <c r="M54" s="43"/>
      <c r="N54" s="44"/>
      <c r="O54" s="26"/>
    </row>
    <row r="55" spans="1:15" ht="29.4" customHeight="1" x14ac:dyDescent="0.2">
      <c r="A55" s="45" t="s">
        <v>185</v>
      </c>
      <c r="B55" s="23"/>
      <c r="C55" s="24"/>
      <c r="D55" s="23"/>
      <c r="E55" s="23"/>
      <c r="F55" s="23"/>
      <c r="G55" s="23"/>
      <c r="H55" s="25"/>
      <c r="I55" s="25"/>
      <c r="J55" s="25"/>
      <c r="K55" s="25"/>
      <c r="L55" s="25"/>
      <c r="M55" s="43"/>
      <c r="N55" s="44"/>
      <c r="O55" s="26"/>
    </row>
    <row r="56" spans="1:15" ht="35.1" customHeight="1" x14ac:dyDescent="0.2">
      <c r="A56" s="8" t="s">
        <v>186</v>
      </c>
      <c r="B56" s="9" t="s">
        <v>187</v>
      </c>
      <c r="C56" s="10" t="s">
        <v>188</v>
      </c>
      <c r="D56" s="9" t="s">
        <v>189</v>
      </c>
      <c r="E56" s="9" t="s">
        <v>275</v>
      </c>
      <c r="F56" s="9" t="s">
        <v>190</v>
      </c>
      <c r="G56" s="9" t="s">
        <v>191</v>
      </c>
      <c r="H56" s="11">
        <v>19</v>
      </c>
      <c r="I56" s="11">
        <v>0</v>
      </c>
      <c r="J56" s="11">
        <v>0</v>
      </c>
      <c r="K56" s="11">
        <v>0</v>
      </c>
      <c r="L56" s="11">
        <v>0</v>
      </c>
      <c r="M56" s="11">
        <f>SUM(H56:L56)</f>
        <v>19</v>
      </c>
      <c r="N56" s="48" t="s">
        <v>192</v>
      </c>
      <c r="O56" s="51" t="s">
        <v>333</v>
      </c>
    </row>
    <row r="57" spans="1:15" ht="30" customHeight="1" x14ac:dyDescent="0.2">
      <c r="A57" s="22"/>
      <c r="B57" s="23"/>
      <c r="C57" s="24"/>
      <c r="D57" s="23"/>
      <c r="E57" s="23"/>
      <c r="F57" s="23"/>
      <c r="G57" s="23"/>
      <c r="H57" s="25"/>
      <c r="I57" s="25"/>
      <c r="J57" s="25"/>
      <c r="K57" s="25"/>
      <c r="L57" s="25"/>
      <c r="M57" s="43"/>
      <c r="N57" s="44"/>
      <c r="O57" s="26"/>
    </row>
    <row r="58" spans="1:15" ht="30" customHeight="1" x14ac:dyDescent="0.2">
      <c r="A58" s="45" t="s">
        <v>193</v>
      </c>
      <c r="B58" s="23"/>
      <c r="C58" s="24"/>
      <c r="D58" s="23"/>
      <c r="E58" s="23"/>
      <c r="F58" s="23"/>
      <c r="G58" s="23"/>
      <c r="H58" s="25"/>
      <c r="I58" s="25"/>
      <c r="J58" s="25"/>
      <c r="K58" s="25"/>
      <c r="L58" s="25"/>
      <c r="M58" s="43"/>
      <c r="N58" s="44"/>
      <c r="O58" s="26"/>
    </row>
    <row r="59" spans="1:15" ht="41.4" customHeight="1" x14ac:dyDescent="0.2">
      <c r="A59" s="8" t="s">
        <v>194</v>
      </c>
      <c r="B59" s="33" t="s">
        <v>195</v>
      </c>
      <c r="C59" s="34" t="s">
        <v>51</v>
      </c>
      <c r="D59" s="33" t="s">
        <v>196</v>
      </c>
      <c r="E59" s="33" t="s">
        <v>197</v>
      </c>
      <c r="F59" s="33" t="s">
        <v>198</v>
      </c>
      <c r="G59" s="33" t="s">
        <v>199</v>
      </c>
      <c r="H59" s="35">
        <v>0</v>
      </c>
      <c r="I59" s="35">
        <v>0</v>
      </c>
      <c r="J59" s="35">
        <v>0</v>
      </c>
      <c r="K59" s="35">
        <v>0</v>
      </c>
      <c r="L59" s="35">
        <v>0</v>
      </c>
      <c r="M59" s="46">
        <v>0</v>
      </c>
      <c r="N59" s="37" t="s">
        <v>200</v>
      </c>
      <c r="O59" s="36"/>
    </row>
    <row r="60" spans="1:15" ht="41.4" customHeight="1" x14ac:dyDescent="0.2">
      <c r="A60" s="8" t="s">
        <v>201</v>
      </c>
      <c r="B60" s="9" t="s">
        <v>326</v>
      </c>
      <c r="C60" s="10" t="s">
        <v>87</v>
      </c>
      <c r="D60" s="9" t="s">
        <v>202</v>
      </c>
      <c r="E60" s="9" t="s">
        <v>289</v>
      </c>
      <c r="F60" s="9" t="s">
        <v>203</v>
      </c>
      <c r="G60" s="9" t="s">
        <v>204</v>
      </c>
      <c r="H60" s="11">
        <v>0</v>
      </c>
      <c r="I60" s="11">
        <v>0</v>
      </c>
      <c r="J60" s="11">
        <v>0</v>
      </c>
      <c r="K60" s="11">
        <v>0</v>
      </c>
      <c r="L60" s="11">
        <v>0</v>
      </c>
      <c r="M60" s="12">
        <f>SUM(H60:L60)</f>
        <v>0</v>
      </c>
      <c r="N60" s="48" t="s">
        <v>205</v>
      </c>
      <c r="O60" s="13"/>
    </row>
    <row r="61" spans="1:15" ht="41.4" customHeight="1" x14ac:dyDescent="0.2">
      <c r="A61" s="8" t="s">
        <v>206</v>
      </c>
      <c r="B61" s="9" t="s">
        <v>326</v>
      </c>
      <c r="C61" s="10" t="s">
        <v>87</v>
      </c>
      <c r="D61" s="9" t="s">
        <v>207</v>
      </c>
      <c r="E61" s="9" t="s">
        <v>290</v>
      </c>
      <c r="F61" s="9" t="s">
        <v>208</v>
      </c>
      <c r="G61" s="9" t="s">
        <v>209</v>
      </c>
      <c r="H61" s="11">
        <v>0</v>
      </c>
      <c r="I61" s="11">
        <v>0</v>
      </c>
      <c r="J61" s="11">
        <v>0</v>
      </c>
      <c r="K61" s="11">
        <v>0</v>
      </c>
      <c r="L61" s="11">
        <v>0</v>
      </c>
      <c r="M61" s="12">
        <v>0</v>
      </c>
      <c r="N61" s="48" t="s">
        <v>210</v>
      </c>
      <c r="O61" s="13"/>
    </row>
    <row r="62" spans="1:15" ht="41.4" customHeight="1" thickBot="1" x14ac:dyDescent="0.25">
      <c r="A62" s="16" t="s">
        <v>211</v>
      </c>
      <c r="B62" s="17" t="s">
        <v>328</v>
      </c>
      <c r="C62" s="18" t="s">
        <v>132</v>
      </c>
      <c r="D62" s="17" t="s">
        <v>212</v>
      </c>
      <c r="E62" s="17" t="s">
        <v>216</v>
      </c>
      <c r="F62" s="17" t="s">
        <v>213</v>
      </c>
      <c r="G62" s="17" t="s">
        <v>214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20">
        <f>SUM(H62:L62)</f>
        <v>0</v>
      </c>
      <c r="N62" s="57" t="s">
        <v>215</v>
      </c>
      <c r="O62" s="21"/>
    </row>
  </sheetData>
  <mergeCells count="42">
    <mergeCell ref="H20:M20"/>
    <mergeCell ref="N20:N21"/>
    <mergeCell ref="A20:A21"/>
    <mergeCell ref="B20:B21"/>
    <mergeCell ref="C20:C21"/>
    <mergeCell ref="D20:D21"/>
    <mergeCell ref="E20:E21"/>
    <mergeCell ref="A52:B52"/>
    <mergeCell ref="N50:N51"/>
    <mergeCell ref="H35:M35"/>
    <mergeCell ref="N35:N36"/>
    <mergeCell ref="A50:A51"/>
    <mergeCell ref="B50:B51"/>
    <mergeCell ref="C50:C51"/>
    <mergeCell ref="D50:D51"/>
    <mergeCell ref="E50:E51"/>
    <mergeCell ref="F50:F51"/>
    <mergeCell ref="G50:G51"/>
    <mergeCell ref="H50:M50"/>
    <mergeCell ref="A35:A36"/>
    <mergeCell ref="B35:B36"/>
    <mergeCell ref="C35:C36"/>
    <mergeCell ref="D35:D36"/>
    <mergeCell ref="E35:E36"/>
    <mergeCell ref="F35:F36"/>
    <mergeCell ref="G35:G36"/>
    <mergeCell ref="F4:F5"/>
    <mergeCell ref="G4:G5"/>
    <mergeCell ref="F20:F21"/>
    <mergeCell ref="G20:G21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39370078740157483" header="0.51181102362204722" footer="0.31496062992125984"/>
  <pageSetup paperSize="9" scale="92" firstPageNumber="36" fitToHeight="0" orientation="landscape" useFirstPageNumber="1" r:id="rId1"/>
  <headerFooter alignWithMargins="0">
    <oddFooter>&amp;C- &amp;P -</oddFooter>
  </headerFooter>
  <rowBreaks count="3" manualBreakCount="3">
    <brk id="18" max="16383" man="1"/>
    <brk id="33" max="16383" man="1"/>
    <brk id="48" max="16383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E983B513A2BA4F428E1331EEE660190D" ma:contentTypeVersion="7" ma:contentTypeDescription="新しいドキュメントを作成します。" ma:contentTypeScope="" ma:versionID="a22f6ddc46ef399ed5ca3901374bc52d">
  <xsd:schema xmlns:xsd="http://www.w3.org/2001/XMLSchema" xmlns:xs="http://www.w3.org/2001/XMLSchema" xmlns:p="http://schemas.microsoft.com/office/2006/metadata/properties" xmlns:ns2="be80f345-bbbd-4e2c-8730-615a63309cf6" targetNamespace="http://schemas.microsoft.com/office/2006/metadata/properties" ma:root="true" ma:fieldsID="fae877d66bba7273f7124debad37c242" ns2:_="">
    <xsd:import namespace="be80f345-bbbd-4e2c-8730-615a63309cf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e80f345-bbbd-4e2c-8730-615a63309cf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4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6E82FE7-D1BD-493A-BC09-7C7E6B94FFD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e80f345-bbbd-4e2c-8730-615a63309cf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2D8F8304-6A50-42B5-8473-B4413C9B6FE4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be80f345-bbbd-4e2c-8730-615a63309cf6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D7F6B8BA-3658-47E7-A7A8-2416B9D5998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相模原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20T05:16:03Z</cp:lastPrinted>
  <dcterms:created xsi:type="dcterms:W3CDTF">2015-05-18T05:01:01Z</dcterms:created>
  <dcterms:modified xsi:type="dcterms:W3CDTF">2026-06-15T05:01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983B513A2BA4F428E1331EEE660190D</vt:lpwstr>
  </property>
  <property fmtid="{D5CDD505-2E9C-101B-9397-08002B2CF9AE}" pid="3" name="Order">
    <vt:r8>13865200</vt:r8>
  </property>
</Properties>
</file>